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jsb16vpro01\Redirect$\i0180500\Desktop\"/>
    </mc:Choice>
  </mc:AlternateContent>
  <bookViews>
    <workbookView xWindow="0" yWindow="0" windowWidth="20460" windowHeight="7500"/>
  </bookViews>
  <sheets>
    <sheet name="Sheet1" sheetId="1" r:id="rId1"/>
  </sheets>
  <definedNames>
    <definedName name="_xlnm._FilterDatabase" localSheetId="0" hidden="1">Sheet1!$A$2:$I$286</definedName>
    <definedName name="_xlnm.Print_Titles" localSheetId="0">Sheet1!$1:$2</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308" uniqueCount="1824">
  <si>
    <t>区</t>
  </si>
  <si>
    <t>事業者番号</t>
  </si>
  <si>
    <t>事業所名</t>
  </si>
  <si>
    <t>４６３－００３３</t>
  </si>
  <si>
    <t>平成２８年１月１日</t>
  </si>
  <si>
    <t>２３７１３００３４０</t>
  </si>
  <si>
    <t>４６３－０００１</t>
  </si>
  <si>
    <t>名古屋市守山区上志段味茂中６３５番地</t>
  </si>
  <si>
    <t>エッチシィーテクノ健康創庫事業所</t>
  </si>
  <si>
    <t>０５２－７３６－９５１３</t>
  </si>
  <si>
    <t>０５２－７３６－４４９０</t>
  </si>
  <si>
    <t>２３７１３００６４７</t>
  </si>
  <si>
    <t>４６３－００７２</t>
  </si>
  <si>
    <t>名古屋市守山区金屋２丁目１８６</t>
  </si>
  <si>
    <t>オオツカ福祉用具貸与事業所</t>
  </si>
  <si>
    <t>０５２－７９１－１９０３</t>
  </si>
  <si>
    <t>０５２－７９１－１９０７</t>
  </si>
  <si>
    <t>２３７１３００６８８</t>
  </si>
  <si>
    <t>４６３－００９０</t>
  </si>
  <si>
    <t>名古屋市守山区瀬古東二丁目３３３番地</t>
  </si>
  <si>
    <t>メディ．ケア守山</t>
  </si>
  <si>
    <t>０５２－７９２－９２１１</t>
  </si>
  <si>
    <t>０５２－７９２－９２１２</t>
  </si>
  <si>
    <t>４６３－００４３</t>
  </si>
  <si>
    <t>０５２－７９２－４５７１</t>
  </si>
  <si>
    <t>０５２－７９２－４５７２</t>
  </si>
  <si>
    <t>２３７１３０２０２３</t>
  </si>
  <si>
    <t>ヘルスケアもりやま</t>
  </si>
  <si>
    <t>０５２－７９４－１４６１</t>
  </si>
  <si>
    <t>０５２－７９４－１５０６</t>
  </si>
  <si>
    <t>２３７１３０２２４７</t>
  </si>
  <si>
    <t>４６３－００４６</t>
  </si>
  <si>
    <t>リンクス</t>
  </si>
  <si>
    <t>名古屋市守山区苗代２丁目１６番８号</t>
  </si>
  <si>
    <t>０５２－７９５－５１４２</t>
  </si>
  <si>
    <t>０５２－７９５－５１４３</t>
  </si>
  <si>
    <t>２３７１３０２２５４</t>
  </si>
  <si>
    <t>レンタルショップ　アルク</t>
  </si>
  <si>
    <t>４６３－０８０１</t>
  </si>
  <si>
    <t>名古屋市守山区竜泉寺一丁目９１９番地</t>
  </si>
  <si>
    <t>シニアハウス竜泉寺１Ｆ</t>
  </si>
  <si>
    <t>０５２－７９３－５００８</t>
  </si>
  <si>
    <t>０５２－７９６－０２０２</t>
  </si>
  <si>
    <t>みっつ葉ライフケア</t>
  </si>
  <si>
    <t>２３７１４００３２２</t>
  </si>
  <si>
    <t>株式会社　福祉の里　名古屋鳴海営業所</t>
  </si>
  <si>
    <t>４５８－００３６</t>
  </si>
  <si>
    <t>名古屋市緑区六田１丁目１８５</t>
  </si>
  <si>
    <t>０５２－６２５－０９４３</t>
  </si>
  <si>
    <t>０５２－６２５－０９２９</t>
  </si>
  <si>
    <t>２３７１４００９９１</t>
  </si>
  <si>
    <t>４５８－０８０１</t>
  </si>
  <si>
    <t>名古屋市緑区鳴海町中汐田１８６</t>
  </si>
  <si>
    <t>有限会社　ＣＯＳＭＯＳ</t>
  </si>
  <si>
    <t>０５２－６２５－７６５０</t>
  </si>
  <si>
    <t>０５２－６２５－７６５２</t>
  </si>
  <si>
    <t>２３７１４０１５４４</t>
  </si>
  <si>
    <t>名古屋市緑区六田１丁目１９２番地</t>
  </si>
  <si>
    <t>ぽぽライフ</t>
  </si>
  <si>
    <t>０５２－６２９－０５５３</t>
  </si>
  <si>
    <t>０５２－６２９－０５５２</t>
  </si>
  <si>
    <t>２３７１４０１７００</t>
  </si>
  <si>
    <t>名古屋市緑区滝ノ水五丁目２３０４番地</t>
  </si>
  <si>
    <t>福祉サポート滝ノ水</t>
  </si>
  <si>
    <t>４５８－００２１</t>
  </si>
  <si>
    <t>０５２－８９１－７４８８</t>
  </si>
  <si>
    <t>０５２－７００－５０１９</t>
  </si>
  <si>
    <t>２３７１４０２０７０</t>
  </si>
  <si>
    <t>フランスベッド株式会社　メディカル名古屋南営業所</t>
  </si>
  <si>
    <t>４５８－０８２４</t>
  </si>
  <si>
    <t>名古屋市緑区鳴海町有松裏２００</t>
  </si>
  <si>
    <t>イオン有松ショッピングセンター３階</t>
  </si>
  <si>
    <t>０５２－６２６－０６６１</t>
  </si>
  <si>
    <t>０５２－６２６－０６６２</t>
  </si>
  <si>
    <t>２３７１４０２８６４</t>
  </si>
  <si>
    <t>ヤガミホームヘルスセンター鳴海</t>
  </si>
  <si>
    <t>４５８－０８１８</t>
  </si>
  <si>
    <t>０５２－８７９－２０９２</t>
  </si>
  <si>
    <t>りんのはなケアサポート</t>
  </si>
  <si>
    <t>２３７１４０３０８６</t>
  </si>
  <si>
    <t>アサヒサンクリーン福祉用具センター名古屋</t>
  </si>
  <si>
    <t>４５９－８００１</t>
  </si>
  <si>
    <t>名古屋市緑区大高町字二番割２３番地の１</t>
  </si>
  <si>
    <t>東山ビル３階</t>
  </si>
  <si>
    <t>０５２－８８３－９８７１</t>
  </si>
  <si>
    <t>０５２－８８３－９８７２</t>
  </si>
  <si>
    <t>２３７０２００７１５</t>
  </si>
  <si>
    <t>ハートフルショップエイド</t>
  </si>
  <si>
    <t>４６１－００１３</t>
  </si>
  <si>
    <t>名古屋市東区飯田町５１</t>
  </si>
  <si>
    <t>０５２－９３９－３５７７</t>
  </si>
  <si>
    <t>０５２－９３９－３５７８</t>
  </si>
  <si>
    <t>４６５－００２５</t>
  </si>
  <si>
    <t>２３７１５００８１６</t>
  </si>
  <si>
    <t>伸和ケアセンター</t>
  </si>
  <si>
    <t>０５２－７０１－９８６５</t>
  </si>
  <si>
    <t>０５２－７０１－９８６８</t>
  </si>
  <si>
    <t>２３７１５０１４８３</t>
  </si>
  <si>
    <t>コープあいち福祉用具名古屋</t>
  </si>
  <si>
    <t>４６５－０００４</t>
  </si>
  <si>
    <t>名古屋市名東区香南２丁目１３０２番地</t>
  </si>
  <si>
    <t>０５２－７７２－０８１０</t>
  </si>
  <si>
    <t>０５２－７７１－９７６６</t>
  </si>
  <si>
    <t>２３７１５０１５４１</t>
  </si>
  <si>
    <t>福祉用具のお店　かとれあ</t>
  </si>
  <si>
    <t>４６５－００９１</t>
  </si>
  <si>
    <t>名古屋市名東区よもぎ台二丁目１２１５</t>
  </si>
  <si>
    <t>第２メゾン高安１Ｃ</t>
  </si>
  <si>
    <t>０５２－７７２－４５１１</t>
  </si>
  <si>
    <t>０５２－７８４－７６８３</t>
  </si>
  <si>
    <t>２３７１５０１９１３</t>
  </si>
  <si>
    <t>４６５－００９４</t>
  </si>
  <si>
    <t>名古屋市名東区亀の井１丁目２５番地</t>
  </si>
  <si>
    <t>株式会社　巧</t>
  </si>
  <si>
    <t>０５２－７０１－７４２０</t>
  </si>
  <si>
    <t>０５２－７０４－７４９２</t>
  </si>
  <si>
    <t>２３７１５０２３３３</t>
  </si>
  <si>
    <t>名古屋市名東区上社四丁目１９１番地</t>
  </si>
  <si>
    <t>株式会社　フォーム</t>
  </si>
  <si>
    <t>０５２－７０４－０６１０</t>
  </si>
  <si>
    <t>０５２－７０４－０６２９</t>
  </si>
  <si>
    <t>２３７１６００１４５</t>
  </si>
  <si>
    <t>４６８－００１５</t>
  </si>
  <si>
    <t>愛モアライフ</t>
  </si>
  <si>
    <t>名古屋市天白区原１丁目２００６番地</t>
  </si>
  <si>
    <t>０５２－８０４－０８６８</t>
  </si>
  <si>
    <t>０５２－８０４－０８６７</t>
  </si>
  <si>
    <t>２３７１６００３１９</t>
  </si>
  <si>
    <t>４６８－００５５</t>
  </si>
  <si>
    <t>名古屋市天白区池場四丁目２０１</t>
  </si>
  <si>
    <t>株式会社　ケアショップニシキ</t>
  </si>
  <si>
    <t>０５２－８０２－２６６１</t>
  </si>
  <si>
    <t>０５２－８０１－８２６２</t>
  </si>
  <si>
    <t>２３７０２００８８９</t>
  </si>
  <si>
    <t>４６１－００４０</t>
  </si>
  <si>
    <t>ピース</t>
  </si>
  <si>
    <t>愛知県名古屋市東区矢田二丁目８番１３号</t>
  </si>
  <si>
    <t>０５２－７１９－０７０８</t>
  </si>
  <si>
    <t>０５２－７１９－０７０９</t>
  </si>
  <si>
    <t>２３７１６００８９７</t>
  </si>
  <si>
    <t>４６８－００３５</t>
  </si>
  <si>
    <t>名古屋市天白区境根町１３８番地</t>
  </si>
  <si>
    <t>やまびこハウス３０５号</t>
  </si>
  <si>
    <t>杏樹福祉用具貸与事業所</t>
  </si>
  <si>
    <t>０５２－８９９－６４１１</t>
  </si>
  <si>
    <t>０５２－８９９－６５１１</t>
  </si>
  <si>
    <t>２３７１６０１２４２</t>
  </si>
  <si>
    <t>４６８－００１１</t>
  </si>
  <si>
    <t>名古屋市天白区平針三丁目１１１０番地</t>
  </si>
  <si>
    <t>株式会社　リブラス</t>
  </si>
  <si>
    <t>０５２－８０５－２６４１</t>
  </si>
  <si>
    <t>０５２－８０５－５５５８</t>
  </si>
  <si>
    <t>２３７１６０１６６３</t>
  </si>
  <si>
    <t>４６８－００４５</t>
  </si>
  <si>
    <t>名古屋市天白区野並三丁目４１５番地</t>
  </si>
  <si>
    <t>竹内浴槽株式会社　福祉事業部</t>
  </si>
  <si>
    <t>０５２－８９２－５２６１</t>
  </si>
  <si>
    <t>０５２－８９２－５５２２</t>
  </si>
  <si>
    <t>２３７２０００４２８</t>
  </si>
  <si>
    <t>４４０－００３４</t>
  </si>
  <si>
    <t>愛知県豊橋市豊岡町１２９番地</t>
  </si>
  <si>
    <t>福祉サービス株式会社</t>
  </si>
  <si>
    <t>０５３２－６６－１０１１</t>
  </si>
  <si>
    <t>０５３２－６６－５３２１</t>
  </si>
  <si>
    <t>２３７２０００６４２</t>
  </si>
  <si>
    <t>４４１－８１１１</t>
  </si>
  <si>
    <t>愛知県豊橋市江島町１４５番地２</t>
  </si>
  <si>
    <t>有限会社　シルバーアテンダ</t>
  </si>
  <si>
    <t>０５３２－４７－２２４１</t>
  </si>
  <si>
    <t>０５３２－４７－２８２５</t>
  </si>
  <si>
    <t>２３７２００２９８６</t>
  </si>
  <si>
    <t>チームエイド株式会社</t>
  </si>
  <si>
    <t>４４０－０８２４</t>
  </si>
  <si>
    <t>愛知県豊橋市瓦町通二丁目９１番地</t>
  </si>
  <si>
    <t>０５３２－６４－０８８４</t>
  </si>
  <si>
    <t>０５３２－６４－０４８２</t>
  </si>
  <si>
    <t>２３７０３００１１９</t>
  </si>
  <si>
    <t>株式会社トーカイ　名古屋支店</t>
  </si>
  <si>
    <t>４６２－００１１</t>
  </si>
  <si>
    <t>名古屋市北区五反田町７８番地</t>
  </si>
  <si>
    <t>０５２－９０２－５２１３</t>
  </si>
  <si>
    <t>０５２－９０２－５２９０</t>
  </si>
  <si>
    <t>２３７２００４１０７</t>
  </si>
  <si>
    <t>アステル福祉サービス</t>
  </si>
  <si>
    <t>４４０－０８１４</t>
  </si>
  <si>
    <t>愛知県豊橋市前田町二丁目５番地７</t>
  </si>
  <si>
    <t>０５３２－５６－０２５９</t>
  </si>
  <si>
    <t>０５３２－５６－０２６９</t>
  </si>
  <si>
    <t>２３７２１００２３６</t>
  </si>
  <si>
    <t>４４４－０８４０</t>
  </si>
  <si>
    <t>愛知県岡崎市戸崎町字牛転１０番地９１</t>
  </si>
  <si>
    <t>株式会社　ナンブ</t>
  </si>
  <si>
    <t>０５６４－６４－０１２４</t>
  </si>
  <si>
    <t>０５６４－６４－０１２５</t>
  </si>
  <si>
    <t>２３７２１０３３７０</t>
  </si>
  <si>
    <t>愛知県岡崎市緑丘３丁目１６番地９</t>
  </si>
  <si>
    <t>有限会社　イトーメディカル</t>
  </si>
  <si>
    <t>４４４－０８０６</t>
  </si>
  <si>
    <t>０５６４－５８－１１２８</t>
  </si>
  <si>
    <t>０５６４－５８－１１４１</t>
  </si>
  <si>
    <t>２３７２１０４４９３</t>
  </si>
  <si>
    <t>あなたの街の介護用品レンタル　スギ岡崎ステーション</t>
  </si>
  <si>
    <t>４４４－０８２３</t>
  </si>
  <si>
    <t>愛知県岡崎市上地一丁目２４番地２</t>
  </si>
  <si>
    <t>０５６４－６４－５１８１</t>
  </si>
  <si>
    <t>０５６４－６４－５１８２</t>
  </si>
  <si>
    <t>２３７２２００４２４</t>
  </si>
  <si>
    <t>４９１－０９０８</t>
  </si>
  <si>
    <t>愛知県一宮市深坪町３３番地２</t>
  </si>
  <si>
    <t>株式会社　一宮福祉サポート</t>
  </si>
  <si>
    <t>０５８６－４４－６７２９</t>
  </si>
  <si>
    <t>０５８６－４４－０２９４</t>
  </si>
  <si>
    <t>２３７２２００４５７</t>
  </si>
  <si>
    <t>４９１－０８３１</t>
  </si>
  <si>
    <t>愛知県一宮市森本５丁目１７番２１号</t>
  </si>
  <si>
    <t>有限会社　ライフ・ケア　指定福祉用具貸与事業所</t>
  </si>
  <si>
    <t>０５８６－２４－６７８９</t>
  </si>
  <si>
    <t>０５８６－２４－６５５８</t>
  </si>
  <si>
    <t>２３７２２００５５６</t>
  </si>
  <si>
    <t>４９１－００７４</t>
  </si>
  <si>
    <t>愛知県一宮市東島町３丁目３６番地</t>
  </si>
  <si>
    <t>株式会社　モリトー</t>
  </si>
  <si>
    <t>０５８６－７１－６１５１</t>
  </si>
  <si>
    <t>０５８６－７２－４５５５</t>
  </si>
  <si>
    <t>２３７２２０１６７９</t>
  </si>
  <si>
    <t>４９１－０１０４</t>
  </si>
  <si>
    <t>愛知県一宮市浅井町小日比野字山畑１１３０番地</t>
  </si>
  <si>
    <t>有限会社　さくら</t>
  </si>
  <si>
    <t>０５８６－７８－０８８８</t>
  </si>
  <si>
    <t>０５８６－５１－２２５９</t>
  </si>
  <si>
    <t>２３７２２０１７３７</t>
  </si>
  <si>
    <t>４９１－０８１５</t>
  </si>
  <si>
    <t>愛知県一宮市千秋町塩尻字山王７番地５</t>
  </si>
  <si>
    <t>有限会社　尾張健友サービス</t>
  </si>
  <si>
    <t>０５８６－８１－８２２１</t>
  </si>
  <si>
    <t>０５８６－７７－４７９６</t>
  </si>
  <si>
    <t>２３７２２０２７７６</t>
  </si>
  <si>
    <t>４９１－０８４５</t>
  </si>
  <si>
    <t>愛知県一宮市下川田町五丁目２４番地１</t>
  </si>
  <si>
    <t>エバーグリーン</t>
  </si>
  <si>
    <t>０５８６－７３－５７８９</t>
  </si>
  <si>
    <t>０５８６－７３－０６２５</t>
  </si>
  <si>
    <t>２３７０３００１６８</t>
  </si>
  <si>
    <t>４６２－００４３</t>
  </si>
  <si>
    <t>名古屋市北区八代町２丁目６０番地</t>
  </si>
  <si>
    <t>陽だまりの家福祉用具貸与事業所</t>
  </si>
  <si>
    <t>０５２－９８１－００７５</t>
  </si>
  <si>
    <t>０５２－９８１－９２００</t>
  </si>
  <si>
    <t>２３７２２０２８１８</t>
  </si>
  <si>
    <t>ライフケアレンタルサービス</t>
  </si>
  <si>
    <t>４９４－００１３</t>
  </si>
  <si>
    <t>愛知県一宮市玉野字西瀬古３２番地１</t>
  </si>
  <si>
    <t>０５８６－６７－３５６０</t>
  </si>
  <si>
    <t>０５８６－６７－３５６１</t>
  </si>
  <si>
    <t>２３７２２０２９７４</t>
  </si>
  <si>
    <t>株式会社　愛安住　一宮営業所</t>
  </si>
  <si>
    <t>４９４－０００３</t>
  </si>
  <si>
    <t>愛知県一宮市三条賀１０３番地１</t>
  </si>
  <si>
    <t>０５８６－６４－６２６７</t>
  </si>
  <si>
    <t>０５８６－６４－６２６８</t>
  </si>
  <si>
    <t>２３７２３００７６０</t>
  </si>
  <si>
    <t>４８９－０８０５</t>
  </si>
  <si>
    <t>愛知県瀬戸市陶原町３丁目１２番地</t>
  </si>
  <si>
    <t>ケアサポート中央</t>
  </si>
  <si>
    <t>０５６１－８２－１０１１</t>
  </si>
  <si>
    <t>０５６１－８２－１０２２</t>
  </si>
  <si>
    <t>２３７２３０１２２２</t>
  </si>
  <si>
    <t>４８９－０９７９</t>
  </si>
  <si>
    <t>愛知県瀬戸市坊金町２７１番地</t>
  </si>
  <si>
    <t>東名ブレース　レンタル事業所</t>
  </si>
  <si>
    <t>０５６１－８５－７３５５</t>
  </si>
  <si>
    <t>０５６１－８５－７１７７</t>
  </si>
  <si>
    <t>２３７２３０２３７８</t>
  </si>
  <si>
    <t>４８９－０９４５</t>
  </si>
  <si>
    <t>愛知県瀬戸市弁天町７２番地</t>
  </si>
  <si>
    <t>ライフケア　すずいち</t>
  </si>
  <si>
    <t>０５６１－２１－６１８１</t>
  </si>
  <si>
    <t>０５６１－８４－３５０７</t>
  </si>
  <si>
    <t>２３７２４００２３０</t>
  </si>
  <si>
    <t>４７５－０９０２</t>
  </si>
  <si>
    <t>愛知県半田市宮路町５３３</t>
  </si>
  <si>
    <t>イチノビル２階</t>
  </si>
  <si>
    <t>株式会社　エヌ・エフ・ユー</t>
  </si>
  <si>
    <t>０５６９－２１－０５６０</t>
  </si>
  <si>
    <t>０５６９－２１－０６３０</t>
  </si>
  <si>
    <t>２３７２４００６３６</t>
  </si>
  <si>
    <t>４７５－００８１</t>
  </si>
  <si>
    <t>愛知県半田市平地町五丁目７６番地</t>
  </si>
  <si>
    <t>有限会社　りびんぐ・けあ</t>
  </si>
  <si>
    <t>０５６９－２９－３９６５</t>
  </si>
  <si>
    <t>０５６９－２９－１１８６</t>
  </si>
  <si>
    <t>２３７２４０１５０１</t>
  </si>
  <si>
    <t>４７５－０９０３</t>
  </si>
  <si>
    <t>愛知県半田市出口町１丁目２１３番地の１０</t>
  </si>
  <si>
    <t>ＡＳＰ株式会社</t>
  </si>
  <si>
    <t>０５６９－２５－３８５１</t>
  </si>
  <si>
    <t>０５６９－２５－３８５５</t>
  </si>
  <si>
    <t>２３７２５００１０４</t>
  </si>
  <si>
    <t>４８６－０８１７</t>
  </si>
  <si>
    <t>愛知県春日井市東野町１０丁目１２番地の１５</t>
  </si>
  <si>
    <t>かしわばら指定福祉用具貸与センター</t>
  </si>
  <si>
    <t>０５６８－８４－８４７０</t>
  </si>
  <si>
    <t>０５６８－８５－８１４０</t>
  </si>
  <si>
    <t>２３７０３００６８９</t>
  </si>
  <si>
    <t>４６２－００６３</t>
  </si>
  <si>
    <t>名古屋市北区丸新町４０５番地</t>
  </si>
  <si>
    <t>シンセイライフ</t>
  </si>
  <si>
    <t>グリーンハイツ小川１０５</t>
  </si>
  <si>
    <t>０５２－９０９－５０８５</t>
  </si>
  <si>
    <t>０５２－９０９－５０８６</t>
  </si>
  <si>
    <t>２３７２５００１４６</t>
  </si>
  <si>
    <t>４８６－０９３１</t>
  </si>
  <si>
    <t>愛知県春日井市松新町二丁目１０２番地</t>
  </si>
  <si>
    <t>株式会社　イトウ　介護用品の店サニー</t>
  </si>
  <si>
    <t>０５６８－３６－１６１８</t>
  </si>
  <si>
    <t>０５６８－３２－７３０６</t>
  </si>
  <si>
    <t>２３７２５００２８６</t>
  </si>
  <si>
    <t>４８６－０８４４</t>
  </si>
  <si>
    <t>愛知県春日井市鳥居松町４丁目７１番地</t>
  </si>
  <si>
    <t>ナイスサポート介護支援センター</t>
  </si>
  <si>
    <t>０５６８－８９－３３７８</t>
  </si>
  <si>
    <t>０５６８－８９－３７９８</t>
  </si>
  <si>
    <t>２３７２５００４９２</t>
  </si>
  <si>
    <t>４８７－００３１</t>
  </si>
  <si>
    <t>愛知県春日井市廻間町７０３番地１</t>
  </si>
  <si>
    <t>春緑苑福祉用具貸与事業所</t>
  </si>
  <si>
    <t>０５６８－８８－８３０３</t>
  </si>
  <si>
    <t>０５６８－８８－７９３８</t>
  </si>
  <si>
    <t>２３７２５００９４８</t>
  </si>
  <si>
    <t>ワンワールド福祉用具貸与事業所</t>
  </si>
  <si>
    <t>４８６－０９１８</t>
  </si>
  <si>
    <t>愛知県春日井市如意申町１丁目７番地２</t>
  </si>
  <si>
    <t>０５６８－３５－６３３１</t>
  </si>
  <si>
    <t>０５６８－３５－６３３７</t>
  </si>
  <si>
    <t>２３７２５０１７６３</t>
  </si>
  <si>
    <t>４８６－０８１１</t>
  </si>
  <si>
    <t>愛知県春日井市東山町５丁目１１番１１号</t>
  </si>
  <si>
    <t>有限会社　エフイ・ヤマモト</t>
  </si>
  <si>
    <t>０５６８－８１－８７７４</t>
  </si>
  <si>
    <t>２３７２５０１９８７</t>
  </si>
  <si>
    <t>株式会社　愛安住　名古屋営業所</t>
  </si>
  <si>
    <t>０５６８－３５－１７８１</t>
  </si>
  <si>
    <t>０５６８－３５－３６７２</t>
  </si>
  <si>
    <t>２３７２５０３８７６</t>
  </si>
  <si>
    <t>福祉用具はなたば</t>
  </si>
  <si>
    <t>４８６－０８０６</t>
  </si>
  <si>
    <t>愛知県春日井市大手田西町１丁目２番地５</t>
  </si>
  <si>
    <t>サントピア朝宮内</t>
  </si>
  <si>
    <t>０５６８－８６－３７２１</t>
  </si>
  <si>
    <t>０５６８－８６－３７２２</t>
  </si>
  <si>
    <t>２３７２５０３９２６</t>
  </si>
  <si>
    <t>ニチイケアセンター春日井西</t>
  </si>
  <si>
    <t>４８６－０９３６</t>
  </si>
  <si>
    <t>愛知県春日井市町田町二丁目６８番地</t>
  </si>
  <si>
    <t>０５６８－３５－５７２４</t>
  </si>
  <si>
    <t>０５６８－３５－５７２３</t>
  </si>
  <si>
    <t>２３７２５０３９６７</t>
  </si>
  <si>
    <t>愛知県春日井市如意申町八丁目８番地２</t>
  </si>
  <si>
    <t>エスリース</t>
  </si>
  <si>
    <t>０５６８－４１－９７３４</t>
  </si>
  <si>
    <t>０５６８－３３－３５６８</t>
  </si>
  <si>
    <t>２３７０３０１０８３</t>
  </si>
  <si>
    <t>４６２－００２１</t>
  </si>
  <si>
    <t>名古屋市北区成願寺２丁目３番９号</t>
  </si>
  <si>
    <t>ハートランド福祉用具貸与事業所</t>
  </si>
  <si>
    <t>０５２－９１８－８３４１</t>
  </si>
  <si>
    <t>０５２－９１８－８３４９</t>
  </si>
  <si>
    <t>２３７２６００４８２</t>
  </si>
  <si>
    <t>４４２－０８１１</t>
  </si>
  <si>
    <t>愛知県豊川市馬場町薬師７５番地</t>
  </si>
  <si>
    <t>０５３３－８９－４５４５</t>
  </si>
  <si>
    <t>０５３３－８９－２２８２</t>
  </si>
  <si>
    <t>２３７２６０１４８０</t>
  </si>
  <si>
    <t>ナンバーワン</t>
  </si>
  <si>
    <t>４４２－００１７</t>
  </si>
  <si>
    <t>愛知県豊川市佐土町８番地１</t>
  </si>
  <si>
    <t>０５３３－８３－８０８８</t>
  </si>
  <si>
    <t>０５３３－８５－３０３０</t>
  </si>
  <si>
    <t>２３７２７０００３５</t>
  </si>
  <si>
    <t>４９６－００３１</t>
  </si>
  <si>
    <t>愛知県津島市埋田町３丁目８５番地６</t>
  </si>
  <si>
    <t>株式会社　ゴトウ医科器械　ライフ・ケア事業所</t>
  </si>
  <si>
    <t>０５６７－２６－２９２６</t>
  </si>
  <si>
    <t>０５６７－２６－２９７７</t>
  </si>
  <si>
    <t>２３７２７００１５９</t>
  </si>
  <si>
    <t>４９６－０８０３</t>
  </si>
  <si>
    <t>愛知県津島市今市場町４丁目１４番地</t>
  </si>
  <si>
    <t>ワタシンいきいきライフ研究所</t>
  </si>
  <si>
    <t>０５６７－２５－１４８１</t>
  </si>
  <si>
    <t>０５６７－２５－１５１７</t>
  </si>
  <si>
    <t>２３７２７００３３２</t>
  </si>
  <si>
    <t>４９６－００４４</t>
  </si>
  <si>
    <t>愛知県津島市立込町三丁目３０番１</t>
  </si>
  <si>
    <t>０５６７－２８－６６６１</t>
  </si>
  <si>
    <t>０５６７－２８－９７７７</t>
  </si>
  <si>
    <t>２３７２９０１２８６</t>
  </si>
  <si>
    <t>愛知県刈谷市寿町１丁目７０３</t>
  </si>
  <si>
    <t>寿荘１Ｆ－Ｂ</t>
  </si>
  <si>
    <t>でん</t>
  </si>
  <si>
    <t>０５６６－７８－８８８０</t>
  </si>
  <si>
    <t>０５６６－７８－８８８１</t>
  </si>
  <si>
    <t>２３７３０００３５１</t>
  </si>
  <si>
    <t>４７１－０８５１</t>
  </si>
  <si>
    <t>愛知県豊田市樹木町５丁目５１番地</t>
  </si>
  <si>
    <t>日本介護サービス株式会社</t>
  </si>
  <si>
    <t>０５６５－３５－１５５０</t>
  </si>
  <si>
    <t>０５６５－３５－８８０９</t>
  </si>
  <si>
    <t>２３７３１００７７１</t>
  </si>
  <si>
    <t>４４５－００７１</t>
  </si>
  <si>
    <t>愛知県西尾市熊味町大道北４６番地</t>
  </si>
  <si>
    <t>東海エイド安城</t>
  </si>
  <si>
    <t>４４６－００２５</t>
  </si>
  <si>
    <t>愛知県安城市古井町松山１２番地１</t>
  </si>
  <si>
    <t>０５６６－７３－５６８５</t>
  </si>
  <si>
    <t>０５６６－７３－５６５５</t>
  </si>
  <si>
    <t>愛知県西尾市中畑町宮西３３番地１</t>
  </si>
  <si>
    <t>２３７０３０１２５７</t>
  </si>
  <si>
    <t>４６２－０８１０</t>
  </si>
  <si>
    <t>名古屋市北区山田１丁目６番１号</t>
  </si>
  <si>
    <t>親和電機株式会社　ウェルネス営業推進グループ</t>
  </si>
  <si>
    <t>０５２－９１４－６５２７</t>
  </si>
  <si>
    <t>０５２－９１４－６６６３</t>
  </si>
  <si>
    <t>２３７３２００１５９</t>
  </si>
  <si>
    <t>東海エイド西尾</t>
  </si>
  <si>
    <t>０５６３－５７－８７８６</t>
  </si>
  <si>
    <t>０５６３－５７－８７８７</t>
  </si>
  <si>
    <t>２３７３２００４２３</t>
  </si>
  <si>
    <t>４４４－０３０３</t>
  </si>
  <si>
    <t>有限会社　サイチ</t>
  </si>
  <si>
    <t>０５６３－５９－５２５２</t>
  </si>
  <si>
    <t>０５６３－５５－４０７０</t>
  </si>
  <si>
    <t>２３７３２０１３１４</t>
  </si>
  <si>
    <t>４４５－００６５</t>
  </si>
  <si>
    <t>愛知県西尾市城崎町４丁目２６番地</t>
  </si>
  <si>
    <t>西尾ヘルスケアセンター</t>
  </si>
  <si>
    <t>０５６３－７９－５５５７</t>
  </si>
  <si>
    <t>０５６３－６５－５５２４</t>
  </si>
  <si>
    <t>２３７３５００１９４</t>
  </si>
  <si>
    <t>４７９－０８４７</t>
  </si>
  <si>
    <t>愛知県常滑市新浜町３丁目２５番地</t>
  </si>
  <si>
    <t>くらしのリーザ　指定福祉用具貸与事業所</t>
  </si>
  <si>
    <t>０５６９－３５－３８５８</t>
  </si>
  <si>
    <t>０５６９－３４－２０７６</t>
  </si>
  <si>
    <t>２３７３６００４７３</t>
  </si>
  <si>
    <t>４８３－８３２５</t>
  </si>
  <si>
    <t>愛知県江南市村久野町冨士塚１８９番地</t>
  </si>
  <si>
    <t>有限会社　どんぐり</t>
  </si>
  <si>
    <t>０５８７－５４－８９８４</t>
  </si>
  <si>
    <t>０５８７－５４－８９９４</t>
  </si>
  <si>
    <t>２３７３７００２９９</t>
  </si>
  <si>
    <t>４９４－０００８</t>
  </si>
  <si>
    <t>愛知県一宮市東五城字東備前３２番地６</t>
  </si>
  <si>
    <t>ウエルカム福祉用具貸与事業所</t>
  </si>
  <si>
    <t>０５８６－６２－５２０６</t>
  </si>
  <si>
    <t>０５８６－６２－５２４８</t>
  </si>
  <si>
    <t>２３７３８０１２４６</t>
  </si>
  <si>
    <t>４８５－００７３</t>
  </si>
  <si>
    <t>愛知県小牧市舟津１２９８</t>
  </si>
  <si>
    <t>株式会社　星医療酸器東海　名古屋支店</t>
  </si>
  <si>
    <t>０５６８－７６－５５１８</t>
  </si>
  <si>
    <t>０５６８－７６－５５２８</t>
  </si>
  <si>
    <t>２３７３８０１４６９</t>
  </si>
  <si>
    <t>４８５－００５９</t>
  </si>
  <si>
    <t>愛知県小牧市小木東１丁目２５９</t>
  </si>
  <si>
    <t>美善</t>
  </si>
  <si>
    <t>０５６８－６８－９２４０</t>
  </si>
  <si>
    <t>０５６８－６８－９２４２</t>
  </si>
  <si>
    <t>２３７０３０１９７６</t>
  </si>
  <si>
    <t>４６２－０００９</t>
  </si>
  <si>
    <t>名古屋市北区苗田町３５番地の２</t>
  </si>
  <si>
    <t>ＵｐＬｉｆｅ福祉用具貸与事業所</t>
  </si>
  <si>
    <t>０５２－９０９－７６８８</t>
  </si>
  <si>
    <t>０５２－９０９－７６８９</t>
  </si>
  <si>
    <t>２３７３８０１５４３</t>
  </si>
  <si>
    <t>４８５－０８２７</t>
  </si>
  <si>
    <t>愛知県小牧市文津字池田２３９番地１</t>
  </si>
  <si>
    <t>０５６８－３９－６６６１</t>
  </si>
  <si>
    <t>０５６８－３９－６６６８</t>
  </si>
  <si>
    <t>２３７３９００２２０</t>
  </si>
  <si>
    <t>４９２－８２４４</t>
  </si>
  <si>
    <t>愛知県稲沢市奥田下河町７５番地１</t>
  </si>
  <si>
    <t>クエスト福祉用具サービス</t>
  </si>
  <si>
    <t>０５８７－３３－０８０５</t>
  </si>
  <si>
    <t>０５８７－３３－０８０６</t>
  </si>
  <si>
    <t>４９０－１３１４</t>
  </si>
  <si>
    <t>２３７３９００９４９</t>
  </si>
  <si>
    <t>フランスベッド株式会社　メディカル稲沢営業所</t>
  </si>
  <si>
    <t>４９２－８０８２</t>
  </si>
  <si>
    <t>愛知県稲沢市下津下町西３丁目７番地</t>
  </si>
  <si>
    <t>０５８７－２２－３３３１</t>
  </si>
  <si>
    <t>０５８７－２２－３３３２</t>
  </si>
  <si>
    <t>２３７３９０１７２３</t>
  </si>
  <si>
    <t>４９２－８２３８</t>
  </si>
  <si>
    <t>愛知県稲沢市奥田堀畑町１４３番地</t>
  </si>
  <si>
    <t>イズム</t>
  </si>
  <si>
    <t>０５８７－９６－７９４１</t>
  </si>
  <si>
    <t>０５８７－９６－７９２１</t>
  </si>
  <si>
    <t>２３７４１００３２５</t>
  </si>
  <si>
    <t>４７７－００３４</t>
  </si>
  <si>
    <t>愛知県東海市養父町島ノ内５２番地</t>
  </si>
  <si>
    <t>株式会社　仙台屋　ケアサポート事業部</t>
  </si>
  <si>
    <t>０５６２－３２－００７０</t>
  </si>
  <si>
    <t>０５６２－３３－４６２２</t>
  </si>
  <si>
    <t>２３７４１００８９５</t>
  </si>
  <si>
    <t>４７６－００１２</t>
  </si>
  <si>
    <t>愛知県東海市富木島町伏見二丁目２３番地５</t>
  </si>
  <si>
    <t>コウエーホーム</t>
  </si>
  <si>
    <t>０５２－６９３－５６４０</t>
  </si>
  <si>
    <t>０５２－６９３－５６４１</t>
  </si>
  <si>
    <t>２３７４２０００９１</t>
  </si>
  <si>
    <t>４７４－００７４</t>
  </si>
  <si>
    <t>愛知県大府市共栄町９丁目９番地の１８</t>
  </si>
  <si>
    <t>(有)寝具の山田屋　福祉用具レンタル事業部　アンシア</t>
  </si>
  <si>
    <t>０５６２－４５－５３５３</t>
  </si>
  <si>
    <t>０５６２－４８－１２０８</t>
  </si>
  <si>
    <t>２３７４２００５８８</t>
  </si>
  <si>
    <t>ヤガミホームヘルスセンター大府</t>
  </si>
  <si>
    <t>４７４－００３８</t>
  </si>
  <si>
    <t>愛知県大府市森岡町２丁目３８６番地</t>
  </si>
  <si>
    <t>０５６２－４８－８６６８</t>
  </si>
  <si>
    <t>２３７４２０１００８</t>
  </si>
  <si>
    <t>４７４－００７３</t>
  </si>
  <si>
    <t>愛知県大府市東新町二丁目９番地</t>
  </si>
  <si>
    <t>東新ビル１Ｆ東</t>
  </si>
  <si>
    <t>ケアレンタル　こころ</t>
  </si>
  <si>
    <t>０５６２－３８－６９０１</t>
  </si>
  <si>
    <t>０５６２－３８－６９０２</t>
  </si>
  <si>
    <t>２３７４３００６１０</t>
  </si>
  <si>
    <t>４７８－００５３</t>
  </si>
  <si>
    <t>愛知県知多市清水ヶ丘１丁目８０１</t>
  </si>
  <si>
    <t>株式会社　ホリテック</t>
  </si>
  <si>
    <t>０５６２－３３－１７１５</t>
  </si>
  <si>
    <t>０５６２－３２－７２３５</t>
  </si>
  <si>
    <t>２３７４５０１０１９</t>
  </si>
  <si>
    <t>４８８－００３３</t>
  </si>
  <si>
    <t>愛知県尾張旭市東本地ヶ原町１丁目６４番地２</t>
  </si>
  <si>
    <t>ウェルフィット</t>
  </si>
  <si>
    <t>０５６１－５５－５０９１</t>
  </si>
  <si>
    <t>０５６１－５５－５０９２</t>
  </si>
  <si>
    <t>２３７４５０１６２１</t>
  </si>
  <si>
    <t>４８８－０８４０</t>
  </si>
  <si>
    <t>愛知県尾張旭市印場元町五丁目１１番地１</t>
  </si>
  <si>
    <t>株式会社　Ｅアシスト</t>
  </si>
  <si>
    <t>０５６１－５３－５２１２</t>
  </si>
  <si>
    <t>０５６１－７６－７７７６</t>
  </si>
  <si>
    <t>２３７４７００４９６</t>
  </si>
  <si>
    <t>４８２－０００５</t>
  </si>
  <si>
    <t>愛知県岩倉市下本町下寺廻１２番地の５</t>
  </si>
  <si>
    <t>ジョイライフ　かのん</t>
  </si>
  <si>
    <t>０５８７－８１－８３４５</t>
  </si>
  <si>
    <t>０５８７－３７－２２４９</t>
  </si>
  <si>
    <t>２３７４８０００３１</t>
  </si>
  <si>
    <t>介護生活用品の専門店ふれあい</t>
  </si>
  <si>
    <t>４７０－１１５１</t>
  </si>
  <si>
    <t>愛知県豊明市前後町鎗ヶ名１８８５</t>
  </si>
  <si>
    <t>０５６２－９７－７３２２</t>
  </si>
  <si>
    <t>０５６２－９７－７３４１</t>
  </si>
  <si>
    <t>２３７０３０２０５７</t>
  </si>
  <si>
    <t>４６２－００４２</t>
  </si>
  <si>
    <t>名古屋市北区水草町一丁目６８番地</t>
  </si>
  <si>
    <t>株式会社　ニシワキ</t>
  </si>
  <si>
    <t>０５２－９１９－６０３２</t>
  </si>
  <si>
    <t>０５２－９１９－１４１７</t>
  </si>
  <si>
    <t>２３７４９０１０３７</t>
  </si>
  <si>
    <t>４７０－０１２２</t>
  </si>
  <si>
    <t>愛知県日進市蟹甲町中島２８０番地３</t>
  </si>
  <si>
    <t>有限会社　わこう</t>
  </si>
  <si>
    <t>０５６１－６５－３６９１</t>
  </si>
  <si>
    <t>０５６１－６５－３６９２</t>
  </si>
  <si>
    <t>２３７５０００１６９</t>
  </si>
  <si>
    <t>４８０－１１８４</t>
  </si>
  <si>
    <t>愛知県長久手市草掛４番地１</t>
  </si>
  <si>
    <t>ハートフルハウス福祉用具貸与事業所</t>
  </si>
  <si>
    <t>０５６１－６３－６４４７</t>
  </si>
  <si>
    <t>０５６１－６４－２７５１</t>
  </si>
  <si>
    <t>２３７５２００５０４</t>
  </si>
  <si>
    <t>４８１－０００２</t>
  </si>
  <si>
    <t>愛知県北名古屋市片場六所６５番地の３</t>
  </si>
  <si>
    <t>中日本車いす株式会社</t>
  </si>
  <si>
    <t>０５６８－２３－９５９１</t>
  </si>
  <si>
    <t>０５６８－２３－９５９９</t>
  </si>
  <si>
    <t>２３７５２００８３５</t>
  </si>
  <si>
    <t>ニチイケアセンター尾張</t>
  </si>
  <si>
    <t>４５２－０９６１</t>
  </si>
  <si>
    <t>愛知県清須市春日落合３２４</t>
  </si>
  <si>
    <t>０５２－４０８－５６５５</t>
  </si>
  <si>
    <t>０５２－４０１－２２３０</t>
  </si>
  <si>
    <t>２３７５６０１６３６</t>
  </si>
  <si>
    <t>株式会社　レンティック中部　介護ショップちゅーぶ名古屋</t>
  </si>
  <si>
    <t>４９０－１１３６</t>
  </si>
  <si>
    <t>愛知県海部郡大治町花常伊勢田６番地</t>
  </si>
  <si>
    <t>０５２－４４９－６２８８</t>
  </si>
  <si>
    <t>０５２－４４９－６２８５</t>
  </si>
  <si>
    <t>２３７５６０１７５０</t>
  </si>
  <si>
    <t>福祉用具貸与事業所　株式会社　近藤</t>
  </si>
  <si>
    <t>４９０－１１１３</t>
  </si>
  <si>
    <t>愛知県あま市中萱津道場６番地</t>
  </si>
  <si>
    <t>０５２－４４１－３３４５</t>
  </si>
  <si>
    <t>０５２－４４１－７８５５</t>
  </si>
  <si>
    <t>２３７５６０１８８３</t>
  </si>
  <si>
    <t>４９０－１２９６</t>
  </si>
  <si>
    <t>愛知県あま市乙之子八反田１２番地</t>
  </si>
  <si>
    <t>旭中部資材株式会社　ライフケアセンター</t>
  </si>
  <si>
    <t>０５２－８５６－１２９４</t>
  </si>
  <si>
    <t>０５２－８５６－１１５６</t>
  </si>
  <si>
    <t>２３７０３０２１７２</t>
  </si>
  <si>
    <t>４６２－０８０７</t>
  </si>
  <si>
    <t>名古屋市北区御成通４丁目３２番地</t>
  </si>
  <si>
    <t>まんまるはーと</t>
  </si>
  <si>
    <t>０５２－９９１－９９１５</t>
  </si>
  <si>
    <t>０５２－９９１－９９２５</t>
  </si>
  <si>
    <t>ニューリーフ</t>
  </si>
  <si>
    <t>２３７５７０１０５５</t>
  </si>
  <si>
    <t>４７０－３３２１</t>
  </si>
  <si>
    <t>愛知県知多郡南知多町内海北脇２９</t>
  </si>
  <si>
    <t>アイム・エイム</t>
  </si>
  <si>
    <t>０５６９－６２－３２５１</t>
  </si>
  <si>
    <t>０５６９－６２－３２５４</t>
  </si>
  <si>
    <t>２３７７２００３０４</t>
  </si>
  <si>
    <t>福祉の里　佐屋</t>
  </si>
  <si>
    <t>４９６－０９２２</t>
  </si>
  <si>
    <t>０５６７－３３－０５００</t>
  </si>
  <si>
    <t>０５６７－３３－０５０１</t>
  </si>
  <si>
    <t>２３７７３００１６１</t>
  </si>
  <si>
    <t>４５２－０９０６</t>
  </si>
  <si>
    <t>株式会社　福祉用具ジェイエイ</t>
  </si>
  <si>
    <t>０５２－４０１－６７６７</t>
  </si>
  <si>
    <t>０５２－４０１－６３００</t>
  </si>
  <si>
    <t>２３７７３００２２９</t>
  </si>
  <si>
    <t>４５２－００１１</t>
  </si>
  <si>
    <t>株式会社　ＴＯＲＩ</t>
  </si>
  <si>
    <t>０５２－５０８－４９６４</t>
  </si>
  <si>
    <t>０５２－５０８－４９６５</t>
  </si>
  <si>
    <t>２３７７４００１５１</t>
  </si>
  <si>
    <t>株式会社　福祉の里　北名古屋</t>
  </si>
  <si>
    <t>４８１－００３３</t>
  </si>
  <si>
    <t>愛知県北名古屋市西之保清水田７４</t>
  </si>
  <si>
    <t>０５６８－２４－８６７２</t>
  </si>
  <si>
    <t>０５６８－２４－８６７３</t>
  </si>
  <si>
    <t>２３７７４００４２５</t>
  </si>
  <si>
    <t>４５７－０８６３</t>
  </si>
  <si>
    <t>ニック株式会社　尾張営業所</t>
  </si>
  <si>
    <t>４８１－００３１</t>
  </si>
  <si>
    <t>愛知県北名古屋市弥靱寺東４丁目１５番地</t>
  </si>
  <si>
    <t>０５６８－２６－０３８０</t>
  </si>
  <si>
    <t>０５６８－２６－０３８１</t>
  </si>
  <si>
    <t>２３７０３０２２３０</t>
  </si>
  <si>
    <t>名古屋市北区丸新町３４９番地の１</t>
  </si>
  <si>
    <t>株式会社　アインクサービス</t>
  </si>
  <si>
    <t>０５２－９０２－５７１７</t>
  </si>
  <si>
    <t>０５２－９０１－６４１２</t>
  </si>
  <si>
    <t>２３７７６００６８５</t>
  </si>
  <si>
    <t>４９０－１１０７</t>
  </si>
  <si>
    <t>愛知県あま市森二丁目６番地５</t>
  </si>
  <si>
    <t>有限会社　エンネルグ　福祉用具事業部</t>
  </si>
  <si>
    <t>０５２－４６２－６１９３</t>
  </si>
  <si>
    <t>０５２－４６２－６１８６</t>
  </si>
  <si>
    <t>２３７０３０２３５４</t>
  </si>
  <si>
    <t>４６２－００６１</t>
  </si>
  <si>
    <t>名古屋市北区会所町７６</t>
  </si>
  <si>
    <t>有限会社　エステック</t>
  </si>
  <si>
    <t>０５２－９０１－９１９８</t>
  </si>
  <si>
    <t>０５２－９０１－９２４４</t>
  </si>
  <si>
    <t>２３７０３０２８９１</t>
  </si>
  <si>
    <t>株式会社フロンティア　名古屋営業所</t>
  </si>
  <si>
    <t>４６２－０８３６</t>
  </si>
  <si>
    <t>名古屋市北区大杉町４丁目６２番地</t>
  </si>
  <si>
    <t>大陶ビル１階</t>
  </si>
  <si>
    <t>０５２－９１０－７０１０</t>
  </si>
  <si>
    <t>０５２－９８２－２８２８</t>
  </si>
  <si>
    <t>４５２－０８３２</t>
  </si>
  <si>
    <t>名古屋市西区平出町２８番地</t>
  </si>
  <si>
    <t>０５２－５０４－３１６６</t>
  </si>
  <si>
    <t>０５２－５０４－３１６５</t>
  </si>
  <si>
    <t>２３７０４００２６５</t>
  </si>
  <si>
    <t>４５２－０８２２</t>
  </si>
  <si>
    <t>名古屋市西区中小田井５丁目１７９番地</t>
  </si>
  <si>
    <t>株式会社　片山車椅子製作所</t>
  </si>
  <si>
    <t>０５２－５０１－７６６１</t>
  </si>
  <si>
    <t>０５２－５０３－９５９５</t>
  </si>
  <si>
    <t>２３７０４００２８１</t>
  </si>
  <si>
    <t>４５２－０８４６</t>
  </si>
  <si>
    <t>名古屋市西区浮野町８９番地</t>
  </si>
  <si>
    <t>株式会社　ウイールケアー</t>
  </si>
  <si>
    <t>０５２－５０４－６５３５</t>
  </si>
  <si>
    <t>０５２－５０４－３８２７</t>
  </si>
  <si>
    <t>２３７０４００５０５</t>
  </si>
  <si>
    <t>株式会社ケア　名古屋営業所</t>
  </si>
  <si>
    <t>名古屋市西区中小田井３丁目９９番地の１</t>
  </si>
  <si>
    <t>０５２－５０９－５７１０</t>
  </si>
  <si>
    <t>０５２－５０９－５７２０</t>
  </si>
  <si>
    <t>ササキ株式会社　福祉事業部　名古屋営業所</t>
  </si>
  <si>
    <t>２３７０４０１２８９</t>
  </si>
  <si>
    <t>４５２－０８２１</t>
  </si>
  <si>
    <t>名古屋市西区上小田井２丁目１７３番地</t>
  </si>
  <si>
    <t>ジェイコーポレーション福祉用具貸与事業所</t>
  </si>
  <si>
    <t>０５２－５０４－６２１１</t>
  </si>
  <si>
    <t>０５２－５０１－０２２９</t>
  </si>
  <si>
    <t>２３７０４０１３８８</t>
  </si>
  <si>
    <t>名古屋市西区中小田井五丁目２７４番地の１０</t>
  </si>
  <si>
    <t>ケアサポートみどり</t>
  </si>
  <si>
    <t>０５２－５０２－６２２２</t>
  </si>
  <si>
    <t>０５２－５０３－９９６７</t>
  </si>
  <si>
    <t>２３７０４０１６１０</t>
  </si>
  <si>
    <t>エイドサービス福祉用具貸与事業所</t>
  </si>
  <si>
    <t>４５２－０８４８</t>
  </si>
  <si>
    <t>名古屋市西区西原町１４４番地</t>
  </si>
  <si>
    <t>０５２－５０３－９４６８</t>
  </si>
  <si>
    <t>０５２－８８０－４１６８</t>
  </si>
  <si>
    <t>２３７０４０１９１７</t>
  </si>
  <si>
    <t>４５１－００１６</t>
  </si>
  <si>
    <t>名古屋市西区庄内通五丁目４番地</t>
  </si>
  <si>
    <t>レンタルショップ　カイドウ</t>
  </si>
  <si>
    <t>０５２－５３２－１５１４</t>
  </si>
  <si>
    <t>０５２－５３２－１５４４</t>
  </si>
  <si>
    <t>２３７０４０２０９７</t>
  </si>
  <si>
    <t>セントケアリフォーム栄生</t>
  </si>
  <si>
    <t>４５１－００５２</t>
  </si>
  <si>
    <t>０５２－５６３－２９４３</t>
  </si>
  <si>
    <t>０５２－５６３－２９４１</t>
  </si>
  <si>
    <t>ライフケアしらつき</t>
  </si>
  <si>
    <t>２３７０４０２６６７</t>
  </si>
  <si>
    <t>株式会社　マエダ</t>
  </si>
  <si>
    <t>４５１－００２１</t>
  </si>
  <si>
    <t>名古屋市西区天塚町二丁目２０</t>
  </si>
  <si>
    <t>富士マンション１０３</t>
  </si>
  <si>
    <t>０５２－３２５－７６００</t>
  </si>
  <si>
    <t>０５２－３２５－７６０１</t>
  </si>
  <si>
    <t>２３７０５００１７１</t>
  </si>
  <si>
    <t>４５３－００４２</t>
  </si>
  <si>
    <t>ビックママ</t>
  </si>
  <si>
    <t>４５３－００３５</t>
  </si>
  <si>
    <t>名古屋市中村区十王町６番１０号</t>
  </si>
  <si>
    <t>０５２－４６１－４５５６</t>
  </si>
  <si>
    <t>０５２－４６１－４５６５</t>
  </si>
  <si>
    <t>２３７０５００４２９</t>
  </si>
  <si>
    <t>４５３－０８１２</t>
  </si>
  <si>
    <t>名古屋市中村区西米野町１丁目７６番地の６</t>
  </si>
  <si>
    <t>介護ショップ丸八</t>
  </si>
  <si>
    <t>０５２－４８１－１９１７</t>
  </si>
  <si>
    <t>０５２－４８１－１９０３</t>
  </si>
  <si>
    <t>２３７０５０１００５</t>
  </si>
  <si>
    <t>４５３－０８５５</t>
  </si>
  <si>
    <t>名古屋市中村区鳥森町八丁目６１６番地の１</t>
  </si>
  <si>
    <t>サンアイ福祉用具貸与事業所</t>
  </si>
  <si>
    <t>０５２－４８１－８２２２</t>
  </si>
  <si>
    <t>０５２－４８１－８７８８</t>
  </si>
  <si>
    <t>２３７０５０１４４３</t>
  </si>
  <si>
    <t>４５３－００３７</t>
  </si>
  <si>
    <t>名古屋市中村区高道町３丁目２番１</t>
  </si>
  <si>
    <t>サンピュア</t>
  </si>
  <si>
    <t>０５２－４８６－１７０４</t>
  </si>
  <si>
    <t>０５２－４８６－１７０５</t>
  </si>
  <si>
    <t>２３７０５０１６０９</t>
  </si>
  <si>
    <t>４５３－００４３</t>
  </si>
  <si>
    <t>名古屋市中村区上ノ宮町二丁目３１番地</t>
  </si>
  <si>
    <t>なごやケアフル</t>
  </si>
  <si>
    <t>０５２－４７１－３７７３</t>
  </si>
  <si>
    <t>０５２－４８６－２５３５</t>
  </si>
  <si>
    <t>２３７０５０１８３１</t>
  </si>
  <si>
    <t>ハートフルケアショップ名古屋第一赤十字病院店</t>
  </si>
  <si>
    <t>４５３－８５１１</t>
  </si>
  <si>
    <t>名古屋市中村区道下町３丁目３５</t>
  </si>
  <si>
    <t>西棟Ｂ１</t>
  </si>
  <si>
    <t>０５２－４８１－７５００</t>
  </si>
  <si>
    <t>０５２－４８１－３６１１</t>
  </si>
  <si>
    <t>２３７０５０２０５２</t>
  </si>
  <si>
    <t>安江工務店</t>
  </si>
  <si>
    <t>４５３－０８３４</t>
  </si>
  <si>
    <t>名古屋市中村区豊国通二丁目９番地</t>
  </si>
  <si>
    <t>０５２－４８６－３３００</t>
  </si>
  <si>
    <t>０５２－４８６－３３７７</t>
  </si>
  <si>
    <t>４５０－０００２</t>
  </si>
  <si>
    <t>２３７０５０２６３１</t>
  </si>
  <si>
    <t>４５３－００４１</t>
  </si>
  <si>
    <t>名古屋市中村区本陣通５丁目８７番地の１</t>
  </si>
  <si>
    <t>ひなたケアサポート</t>
  </si>
  <si>
    <t>０５２－４６２－９５５２</t>
  </si>
  <si>
    <t>０５２－４６２－９５５０</t>
  </si>
  <si>
    <t>名古屋市中村区大秋町１丁目１４番地</t>
  </si>
  <si>
    <t>ケアサポート中日</t>
  </si>
  <si>
    <t>０５２－４４６－５２９３</t>
  </si>
  <si>
    <t>０５２－４４６－５２９４</t>
  </si>
  <si>
    <t>２３７０６００１５３</t>
  </si>
  <si>
    <t>メディ．ケア金山</t>
  </si>
  <si>
    <t>４６０－００２２</t>
  </si>
  <si>
    <t>０５２－３３１－１７３１</t>
  </si>
  <si>
    <t>０５２－３３１－４９３１</t>
  </si>
  <si>
    <t>２３７０６００１９５</t>
  </si>
  <si>
    <t>４６０－００１２</t>
  </si>
  <si>
    <t>ヤガミホームヘルスセンター名古屋</t>
  </si>
  <si>
    <t>名古屋市中区千代田二丁目１６番２８号</t>
  </si>
  <si>
    <t>０５２－２５１－６６７０</t>
  </si>
  <si>
    <t>０５２－２６２－２９０１</t>
  </si>
  <si>
    <t>２３７０６００５００</t>
  </si>
  <si>
    <t>グラシア２号館４階</t>
  </si>
  <si>
    <t>株式会社　ジェネラス</t>
  </si>
  <si>
    <t>０５２－２３８－５４９６</t>
  </si>
  <si>
    <t>０５２－２３８－５４９７</t>
  </si>
  <si>
    <t>２３７０６０１１１０</t>
  </si>
  <si>
    <t>介護福祉総合センター</t>
  </si>
  <si>
    <t>名古屋市中区金山一丁目２番４号</t>
  </si>
  <si>
    <t>ＩＤ・ＡＲＥＡ２０２号</t>
  </si>
  <si>
    <t>０５２－３２１－３３３７</t>
  </si>
  <si>
    <t>０５２－３２１－３３７７</t>
  </si>
  <si>
    <t>２３７０６０１２４３</t>
  </si>
  <si>
    <t>４６０－０００２</t>
  </si>
  <si>
    <t>いっきゅう</t>
  </si>
  <si>
    <t>０５２－２２２－９９００</t>
  </si>
  <si>
    <t>０５２－２２２－８７２３</t>
  </si>
  <si>
    <t>２３７０６０１８８８</t>
  </si>
  <si>
    <t>４６０－００１１</t>
  </si>
  <si>
    <t>名古屋市中区大須三丁目１９番１号</t>
  </si>
  <si>
    <t>たから屋</t>
  </si>
  <si>
    <t>０５２－２３８－０２８１</t>
  </si>
  <si>
    <t>０５２－２３８－０２８２</t>
  </si>
  <si>
    <t>２３７０６０１９６１</t>
  </si>
  <si>
    <t>ホームヘルスケア一光　名古屋営業所</t>
  </si>
  <si>
    <t>名古屋市中区丸の内二丁目６番２１号</t>
  </si>
  <si>
    <t>アクセス丸の内５階</t>
  </si>
  <si>
    <t>０５２－２０４－４３３５</t>
  </si>
  <si>
    <t>０５２－２０４－４３３７</t>
  </si>
  <si>
    <t>２３７０７００１０２</t>
  </si>
  <si>
    <t>アースサポート名古屋</t>
  </si>
  <si>
    <t>４６６－００６４</t>
  </si>
  <si>
    <t>名古屋市昭和区鶴舞４丁目１０番１３号</t>
  </si>
  <si>
    <t>０５２－７４４－５０１１</t>
  </si>
  <si>
    <t>０５２－７４４－５０３３</t>
  </si>
  <si>
    <t>２３７０７０１２２５</t>
  </si>
  <si>
    <t>あいち福祉サポート</t>
  </si>
  <si>
    <t>４６６－０８１５</t>
  </si>
  <si>
    <t>名古屋市昭和区山手通２丁目１６番地２</t>
  </si>
  <si>
    <t>山手マルヤマ１Ｆ</t>
  </si>
  <si>
    <t>０５２－８３４－２２３５</t>
  </si>
  <si>
    <t>０５２－８３４－８１３１</t>
  </si>
  <si>
    <t>２３７０７０１８４５</t>
  </si>
  <si>
    <t>ダスキンヘルスレント檀渓ステーション</t>
  </si>
  <si>
    <t>４６６－０８４２</t>
  </si>
  <si>
    <t>名古屋市昭和区檀渓通１丁目２３</t>
  </si>
  <si>
    <t>０５２－８４２－９０１５</t>
  </si>
  <si>
    <t>０５２－８４２－９０１６</t>
  </si>
  <si>
    <t>２３７０８００４０７</t>
  </si>
  <si>
    <t>４６７－００６４</t>
  </si>
  <si>
    <t>名古屋市瑞穂区弥富通５丁目４８番地</t>
  </si>
  <si>
    <t>有限会社　アイ・ケーサポート</t>
  </si>
  <si>
    <t>０５２－８６１－７６６０</t>
  </si>
  <si>
    <t>０５２－８６１－７６６２</t>
  </si>
  <si>
    <t>２３７０８００９６９</t>
  </si>
  <si>
    <t>４６７－０８０５</t>
  </si>
  <si>
    <t>名古屋市瑞穂区桜見町２丁目１２番地</t>
  </si>
  <si>
    <t>株式会社　アンプリライブ</t>
  </si>
  <si>
    <t>０５２－８５２－６２０７</t>
  </si>
  <si>
    <t>０５２－８５２－３２１７</t>
  </si>
  <si>
    <t>２３７０８０１８０１</t>
  </si>
  <si>
    <t>４６７－０８７７</t>
  </si>
  <si>
    <t>名古屋市瑞穂区雁道町５丁目６番地</t>
  </si>
  <si>
    <t>福祉用具ひまわり</t>
  </si>
  <si>
    <t>０５２－８８１－８０５５</t>
  </si>
  <si>
    <t>０５２－８７１－８１０８</t>
  </si>
  <si>
    <t>２３７０９０００８２</t>
  </si>
  <si>
    <t>株式会社　小山商会　名古屋支店</t>
  </si>
  <si>
    <t>４５６－００７１</t>
  </si>
  <si>
    <t>名古屋市熱田区明野町６番８号</t>
  </si>
  <si>
    <t>０５２－６８１－５６５６</t>
  </si>
  <si>
    <t>０５２－６７８－３５３３</t>
  </si>
  <si>
    <t>２３７０１０１４５９</t>
  </si>
  <si>
    <t>４６４－０００８</t>
  </si>
  <si>
    <t>名古屋市千種区宮根台１丁目６番３６号</t>
  </si>
  <si>
    <t>介護ショップみやね</t>
  </si>
  <si>
    <t>０５２－７７１－３６４２</t>
  </si>
  <si>
    <t>０５２－７７２－８２９３</t>
  </si>
  <si>
    <t>２３７０９００４２１</t>
  </si>
  <si>
    <t>４５６－００５７</t>
  </si>
  <si>
    <t>名古屋市熱田区五番町３番６号</t>
  </si>
  <si>
    <t>レインボーセンター１階</t>
  </si>
  <si>
    <t>ケア・ショップにじ</t>
  </si>
  <si>
    <t>０５２－６５４－２５４０</t>
  </si>
  <si>
    <t>０５２－６５４－４４６６</t>
  </si>
  <si>
    <t>２３７０９００８８４</t>
  </si>
  <si>
    <t>名古屋市熱田区四番一丁目２番１８号</t>
  </si>
  <si>
    <t>名古屋吉田株式会社</t>
  </si>
  <si>
    <t>４５６－００５１</t>
  </si>
  <si>
    <t>０５２－６８２－５３３１</t>
  </si>
  <si>
    <t>０５２－６８２－２４４８</t>
  </si>
  <si>
    <t>２３７０９０１３８７</t>
  </si>
  <si>
    <t>４５６－０００４</t>
  </si>
  <si>
    <t>名古屋市熱田区桜田町１９番２１号</t>
  </si>
  <si>
    <t>株式会社　山田商会　リベナス営業部</t>
  </si>
  <si>
    <t>０５２－８７１－９８２６</t>
  </si>
  <si>
    <t>０５２－８７１－９８６８</t>
  </si>
  <si>
    <t>２３７１０００４６０</t>
  </si>
  <si>
    <t>有限会社　フジテック</t>
  </si>
  <si>
    <t>４５４－０９８１</t>
  </si>
  <si>
    <t>名古屋市中川区吉津四丁目２４０７番地</t>
  </si>
  <si>
    <t>０５２－４３９－２２８０</t>
  </si>
  <si>
    <t>０５２－４３２－２８３１</t>
  </si>
  <si>
    <t>２３７１０００５４４</t>
  </si>
  <si>
    <t>４５４－０００４</t>
  </si>
  <si>
    <t>名古屋市中川区西日置一丁目４番８号</t>
  </si>
  <si>
    <t>たいむふれんどタカマ</t>
  </si>
  <si>
    <t>０５２－３３１－５６０８</t>
  </si>
  <si>
    <t>０５２－３３１－５６１０</t>
  </si>
  <si>
    <t>２３７１０００５７７</t>
  </si>
  <si>
    <t>４５４－０８１５</t>
  </si>
  <si>
    <t>名古屋市中川区長良町３丁目１５番地</t>
  </si>
  <si>
    <t>ナガラデンキ株式会社</t>
  </si>
  <si>
    <t>０５２－３６１－１４１１</t>
  </si>
  <si>
    <t>０５２－３６１－１４０９</t>
  </si>
  <si>
    <t>２３７１０００６０１</t>
  </si>
  <si>
    <t>株式会社　ヤマシタコーポレーション　名古屋ショールーム</t>
  </si>
  <si>
    <t>４５４－０８０５</t>
  </si>
  <si>
    <t>名古屋市中川区舟戸町６番２３号</t>
  </si>
  <si>
    <t>０５２－３６５－６５１１</t>
  </si>
  <si>
    <t>０５２－３６５－６５１２</t>
  </si>
  <si>
    <t>２３７１００１７２４</t>
  </si>
  <si>
    <t>４５４－０９１１</t>
  </si>
  <si>
    <t>株式会社　なごみ　名古屋支店</t>
  </si>
  <si>
    <t>名古屋市中川区高畑一丁目９４番地</t>
  </si>
  <si>
    <t>０５２－３６５－３７６７</t>
  </si>
  <si>
    <t>０５２－３５４－３３１２</t>
  </si>
  <si>
    <t>２３７１００２２８４</t>
  </si>
  <si>
    <t>４５４－０８４４</t>
  </si>
  <si>
    <t>名古屋市中川区葉池町二丁目６番地</t>
  </si>
  <si>
    <t>０５２－３５３－３１４１</t>
  </si>
  <si>
    <t>０５２－３５３－３２４１</t>
  </si>
  <si>
    <t>２３７１００２３８３</t>
  </si>
  <si>
    <t>４５４－０８２１</t>
  </si>
  <si>
    <t>名古屋市中川区宗円町２丁目２３番地</t>
  </si>
  <si>
    <t>株式会社　さくらんぼ</t>
  </si>
  <si>
    <t>０５２－３５１－３９１６</t>
  </si>
  <si>
    <t>０５２－３５１－１１１７</t>
  </si>
  <si>
    <t>２３７０１０１７７２</t>
  </si>
  <si>
    <t>フランスベッド株式会社　メディカル名古屋営業所</t>
  </si>
  <si>
    <t>４６４－０８５５</t>
  </si>
  <si>
    <t>名古屋市千種区千種通５丁目８番地</t>
  </si>
  <si>
    <t>０５２－７３５－４４６６</t>
  </si>
  <si>
    <t>０５２－７３５－３３３６</t>
  </si>
  <si>
    <t>２３７１００２４７４</t>
  </si>
  <si>
    <t>近鉄スマイルサプライ　名古屋支店</t>
  </si>
  <si>
    <t>名古屋市中川区吉津２丁目２５２１</t>
  </si>
  <si>
    <t>０５２－４３９－５６６２</t>
  </si>
  <si>
    <t>０５２－４３９－５６６３</t>
  </si>
  <si>
    <t>２３７１００２５１６</t>
  </si>
  <si>
    <t>４５４－０８６３</t>
  </si>
  <si>
    <t>名古屋市中川区大塩町２丁目５２番地</t>
  </si>
  <si>
    <t>タイヨー</t>
  </si>
  <si>
    <t>０５２－３５２－２５６６</t>
  </si>
  <si>
    <t>０５２－３５２－２５６８</t>
  </si>
  <si>
    <t>２３７１００２５５７</t>
  </si>
  <si>
    <t>４５４－０８５５</t>
  </si>
  <si>
    <t>名古屋市中川区昭明町二丁目４９番地の３</t>
  </si>
  <si>
    <t>１Ｆ</t>
  </si>
  <si>
    <t>株式会社　オオタ　介護事業部　ケアリース・たから</t>
  </si>
  <si>
    <t>０５２－６５９－２２４４</t>
  </si>
  <si>
    <t>０５２－６５９－２２４５</t>
  </si>
  <si>
    <t>２３７１００３０３５</t>
  </si>
  <si>
    <t>４５４－０９５４</t>
  </si>
  <si>
    <t>名古屋市中川区江松５丁目１１６０番地</t>
  </si>
  <si>
    <t>株式会社　ミック</t>
  </si>
  <si>
    <t>０５２－３０９－５３３９</t>
  </si>
  <si>
    <t>０５２－３０９－５３４０</t>
  </si>
  <si>
    <t>２３７１００３１４２</t>
  </si>
  <si>
    <t>４５４－００２４</t>
  </si>
  <si>
    <t>ウイズレント</t>
  </si>
  <si>
    <t>名古屋市中川区柳島町４丁目１６番地</t>
  </si>
  <si>
    <t>０５２－３０４－８００８</t>
  </si>
  <si>
    <t>０５２－３６４－６００５</t>
  </si>
  <si>
    <t>２３７１００３８２９</t>
  </si>
  <si>
    <t>４５４－０９２６</t>
  </si>
  <si>
    <t>名古屋市中川区打出二丁目２１２番地の１</t>
  </si>
  <si>
    <t>ケア・ハート</t>
  </si>
  <si>
    <t>０５２－３５５－８８９８</t>
  </si>
  <si>
    <t>０５２－３６３－６２６５</t>
  </si>
  <si>
    <t>２３７１１０１０３７</t>
  </si>
  <si>
    <t>４５５－０８７７</t>
  </si>
  <si>
    <t>名古屋市港区六軒家１４４１番地</t>
  </si>
  <si>
    <t>有限会社　南陽硝子</t>
  </si>
  <si>
    <t>０５２－３０２－３２３１</t>
  </si>
  <si>
    <t>０５２－３０１－４８６６</t>
  </si>
  <si>
    <t>２３７１２００１７７</t>
  </si>
  <si>
    <t>ニック株式会社　名古屋南営業所</t>
  </si>
  <si>
    <t>名古屋市南区豊三丁目３８番７号</t>
  </si>
  <si>
    <t>０５２－６９１－５１３３</t>
  </si>
  <si>
    <t>０５２－６９１－５１２５</t>
  </si>
  <si>
    <t>株式会社　フリースタイル</t>
  </si>
  <si>
    <t>２３７１２００１８５</t>
  </si>
  <si>
    <t>４５７－０８２１</t>
  </si>
  <si>
    <t>名古屋市南区弥次ヱ町１丁目２２番地の２</t>
  </si>
  <si>
    <t>ハヤシリハビリ株式会社福祉用具販売・レンタル事業所</t>
  </si>
  <si>
    <t>０５２－６１２－６２４２</t>
  </si>
  <si>
    <t>０５２－６１１－６８８０</t>
  </si>
  <si>
    <t>２３７１２００１９３</t>
  </si>
  <si>
    <t>４５７－８５３５</t>
  </si>
  <si>
    <t>名古屋市南区浜田町１丁目１０番地</t>
  </si>
  <si>
    <t>近藤産興株式会社　ケアレンタル課</t>
  </si>
  <si>
    <t>０５２－６１４－５７７３</t>
  </si>
  <si>
    <t>０５２－６１４－２８００</t>
  </si>
  <si>
    <t>２３７１２００３３４</t>
  </si>
  <si>
    <t>４５７－００１４</t>
  </si>
  <si>
    <t>名古屋市南区呼続一丁目１０番２３号</t>
  </si>
  <si>
    <t>株式会社　フリーベル　東海福祉用具センター</t>
  </si>
  <si>
    <t>０５２－８２１－０１９１</t>
  </si>
  <si>
    <t>０５２－８２１－０１９５</t>
  </si>
  <si>
    <t>２３７１２００５９９</t>
  </si>
  <si>
    <t>南医療生活協同組合　介護支援事業部</t>
  </si>
  <si>
    <t>４５７－０８０３</t>
  </si>
  <si>
    <t>名古屋市南区天日町１丁目５番地</t>
  </si>
  <si>
    <t>０５２－６１１－３８８３</t>
  </si>
  <si>
    <t>０５２－６１１－３９０３</t>
  </si>
  <si>
    <t>２３７１２０１８５２</t>
  </si>
  <si>
    <t>４５７－００３８</t>
  </si>
  <si>
    <t>名古屋市南区桜本町１４１番地１</t>
  </si>
  <si>
    <t>桜本町小林ビル４０２号</t>
  </si>
  <si>
    <t>介護ショップ　さくら</t>
  </si>
  <si>
    <t>０５２－８２５－４６０１</t>
  </si>
  <si>
    <t>０５２－８２５－４６０２</t>
  </si>
  <si>
    <t>２３７１２０１９２８</t>
  </si>
  <si>
    <t>株式会社　トーカイ　名古屋南営業所</t>
  </si>
  <si>
    <t>４５７－００５７</t>
  </si>
  <si>
    <t>名古屋市南区鳥山町２丁目６番地</t>
  </si>
  <si>
    <t>０５２－８１９－６０７５</t>
  </si>
  <si>
    <t>０５２－８２３－１１５６</t>
  </si>
  <si>
    <t>２３７１２０２０１７</t>
  </si>
  <si>
    <t>４５７－００２２</t>
  </si>
  <si>
    <t>名古屋市南区明円町１４番地</t>
  </si>
  <si>
    <t>ユニーブル明円町ⅡA号室</t>
  </si>
  <si>
    <t>福祉用具のかなで</t>
  </si>
  <si>
    <t>０５２－８２２－１６２６</t>
  </si>
  <si>
    <t>０５２－８２２－１６２７</t>
  </si>
  <si>
    <t>２３７１２０２５６１</t>
  </si>
  <si>
    <t>株式会社　フロンティア　名古屋南営業所</t>
  </si>
  <si>
    <t>４５７－００１５</t>
  </si>
  <si>
    <t>名古屋市南区岩戸町２番４号</t>
  </si>
  <si>
    <t>０５２－８１９－５００１</t>
  </si>
  <si>
    <t>０５２－８１９－５００２</t>
  </si>
  <si>
    <t>２３７０１０２７４７</t>
  </si>
  <si>
    <t>株式会社美濃庄　名古屋営業所</t>
  </si>
  <si>
    <t>４６４－００１１</t>
  </si>
  <si>
    <t>名古屋市千種区千代田橋２丁目６番１６号</t>
  </si>
  <si>
    <t>０５２－７２６－３８１１</t>
  </si>
  <si>
    <t>０５２－７２６－３８１２</t>
  </si>
  <si>
    <t>２３７１５０３０５９</t>
  </si>
  <si>
    <t>４６５－００６３</t>
  </si>
  <si>
    <t>名古屋市名東区新宿二丁目５６番地</t>
  </si>
  <si>
    <t>ポップ・ナゥ</t>
  </si>
  <si>
    <t>０５２－７１０－２３５９</t>
  </si>
  <si>
    <t>０５２－７０４－３２３２</t>
  </si>
  <si>
    <t>２３７１６０２１６６</t>
  </si>
  <si>
    <t>福祉用具さぽーと援</t>
  </si>
  <si>
    <t>名古屋市天白区原二丁目２０１０番地</t>
  </si>
  <si>
    <t>０５２－８４２－８２８０</t>
  </si>
  <si>
    <t>０５２－８４２－８２８１</t>
  </si>
  <si>
    <t>２３７２３０１６１０</t>
  </si>
  <si>
    <t>４８９－０８０９</t>
  </si>
  <si>
    <t>愛知県瀬戸市共栄通二丁目１番地</t>
  </si>
  <si>
    <t>のりのり</t>
  </si>
  <si>
    <t>０５６１－２１－８０８８</t>
  </si>
  <si>
    <t>０５６１－８２－８１９０</t>
  </si>
  <si>
    <t>２３７５００１１３４</t>
  </si>
  <si>
    <t>４８０－１１１２</t>
  </si>
  <si>
    <t>愛知県長久手市砂子７２３番地</t>
  </si>
  <si>
    <t>名古屋介護リフォームサービス</t>
  </si>
  <si>
    <t>０５６１－６５－３８０８</t>
  </si>
  <si>
    <t>０５６１－６３－８９７８</t>
  </si>
  <si>
    <t>２３７５６０１３８８</t>
  </si>
  <si>
    <t>ＵＳＤ福祉用具サービス</t>
  </si>
  <si>
    <t>４９０－１２２２</t>
  </si>
  <si>
    <t>愛知県あま市木田飛江ノ見７４番地５</t>
  </si>
  <si>
    <t>０５２－４４５－８６１７</t>
  </si>
  <si>
    <t>０５２－４４５－８６１８</t>
  </si>
  <si>
    <t>２３７０２０１０４４</t>
  </si>
  <si>
    <t>４６１－０００３</t>
  </si>
  <si>
    <t>名古屋市東区筒井二丁目７番３号</t>
  </si>
  <si>
    <t>０５２－９８２－７５６６</t>
  </si>
  <si>
    <t>０５２－９８２－７５７６</t>
  </si>
  <si>
    <t>千種</t>
  </si>
  <si>
    <t>東</t>
  </si>
  <si>
    <t>北</t>
  </si>
  <si>
    <t>西</t>
  </si>
  <si>
    <t>中村</t>
  </si>
  <si>
    <t>中</t>
  </si>
  <si>
    <t>昭和</t>
  </si>
  <si>
    <t>瑞穂</t>
  </si>
  <si>
    <t>熱田</t>
  </si>
  <si>
    <t>中川</t>
  </si>
  <si>
    <t>港</t>
  </si>
  <si>
    <t>南</t>
  </si>
  <si>
    <t>守山</t>
  </si>
  <si>
    <t>緑</t>
  </si>
  <si>
    <t>名東</t>
  </si>
  <si>
    <t>天白</t>
  </si>
  <si>
    <t>市外</t>
  </si>
  <si>
    <t>郵便番号</t>
    <phoneticPr fontId="2"/>
  </si>
  <si>
    <t>方書</t>
    <phoneticPr fontId="2"/>
  </si>
  <si>
    <t>所在地</t>
    <rPh sb="0" eb="3">
      <t>ショザイチ</t>
    </rPh>
    <phoneticPr fontId="2"/>
  </si>
  <si>
    <t>電話番号</t>
    <phoneticPr fontId="2"/>
  </si>
  <si>
    <t>ＦＡＸ番号</t>
    <phoneticPr fontId="2"/>
  </si>
  <si>
    <t>登録年月日</t>
    <phoneticPr fontId="2"/>
  </si>
  <si>
    <t>※事業者番号順に掲載</t>
    <rPh sb="1" eb="3">
      <t>ジギョウ</t>
    </rPh>
    <rPh sb="3" eb="4">
      <t>シャ</t>
    </rPh>
    <rPh sb="4" eb="6">
      <t>バンゴウ</t>
    </rPh>
    <rPh sb="6" eb="7">
      <t>ジュン</t>
    </rPh>
    <rPh sb="8" eb="10">
      <t>ケイサイ</t>
    </rPh>
    <phoneticPr fontId="2"/>
  </si>
  <si>
    <t>２３７０１０１４２６</t>
  </si>
  <si>
    <t>大久手メディカルサービス株式会社　福祉用具部門</t>
  </si>
  <si>
    <t>４６４－０８５４</t>
  </si>
  <si>
    <t>名古屋市千種区大久手町５丁目１６番地の１</t>
  </si>
  <si>
    <t>江端ハイツ２Ｆ</t>
  </si>
  <si>
    <t>０５２－７３１－８０７７</t>
  </si>
  <si>
    <t>０５２－８８０－８３４０</t>
  </si>
  <si>
    <t>平成２８年２月２６日</t>
  </si>
  <si>
    <t>２３７４１０１１４１</t>
  </si>
  <si>
    <t>４７７－００３７</t>
  </si>
  <si>
    <t>ケアマート　ねこのひげ</t>
  </si>
  <si>
    <t>愛知県東海市高横須賀町三丁目１６番地</t>
  </si>
  <si>
    <t>０５６２－８５－３８１２</t>
  </si>
  <si>
    <t>０５６２－８５－３８１３</t>
  </si>
  <si>
    <t>２３７３４００５１０</t>
  </si>
  <si>
    <t>４８６－８５７７</t>
  </si>
  <si>
    <t>愛知県春日井市瑞穂通５丁目３３番地</t>
  </si>
  <si>
    <t>さわやかショップ　ゆうあい</t>
  </si>
  <si>
    <t>４８４－００８４</t>
  </si>
  <si>
    <t>愛知県犬山市大字犬山字南古券１６６番地１４</t>
  </si>
  <si>
    <t>０５６８－６２－２２１１</t>
  </si>
  <si>
    <t>２３７２５０２０３５</t>
  </si>
  <si>
    <t>清水屋　春日井店　さわやかショップ　ゆうあい</t>
  </si>
  <si>
    <t>０５６８－８１－６１５２</t>
  </si>
  <si>
    <t>平成２８年３月１日</t>
  </si>
  <si>
    <t>２３７０５０３２５８</t>
  </si>
  <si>
    <t>２３７０７０１２１７</t>
  </si>
  <si>
    <t>名古屋市昭和区山手通５丁目１８番地４</t>
  </si>
  <si>
    <t>コーポラスゆたか１０４</t>
  </si>
  <si>
    <t>やすらぎの手</t>
  </si>
  <si>
    <t>０５２－８４８－６８８０</t>
  </si>
  <si>
    <t>０５２－８４８－６８８１</t>
  </si>
  <si>
    <t>平成２８年２月８日</t>
  </si>
  <si>
    <t>２３７２８０００８２</t>
  </si>
  <si>
    <t>４４７－０８７４</t>
  </si>
  <si>
    <t>愛知県碧南市作塚町１丁目８３番地１</t>
  </si>
  <si>
    <t>有限会社　綿桂</t>
  </si>
  <si>
    <t>０５６６－４８－２１０８</t>
  </si>
  <si>
    <t>０５６６－４８－３５８１</t>
  </si>
  <si>
    <t>２３７２５０１５５７</t>
  </si>
  <si>
    <t>サン・ビジョン　レンタルサービス</t>
  </si>
  <si>
    <t>４８６－０８０２</t>
  </si>
  <si>
    <t>愛知県春日井市桃山町字北山５０７９番地１６</t>
  </si>
  <si>
    <t>０５６８－８９－２６２６</t>
  </si>
  <si>
    <t>０５６８－８９－２６７５</t>
  </si>
  <si>
    <t>２３７１４０２３１０</t>
  </si>
  <si>
    <t>４５８－０８２６</t>
  </si>
  <si>
    <t>名古屋市緑区左京山１０４</t>
  </si>
  <si>
    <t>加福ビル左京山　２Ｆ</t>
  </si>
  <si>
    <t>あいあいサポート</t>
  </si>
  <si>
    <t>０５２－６２３－７９７２</t>
  </si>
  <si>
    <t>０５２－６２３－７９７３</t>
  </si>
  <si>
    <t>２３７１１００３９３</t>
  </si>
  <si>
    <t>４５５－００３７</t>
  </si>
  <si>
    <t>名古屋市港区名港一丁目１９番６号</t>
  </si>
  <si>
    <t>パネット名港　古田電機</t>
  </si>
  <si>
    <t>０５２－６６１－１７９８</t>
  </si>
  <si>
    <t>０５２－６５１－１７０９</t>
  </si>
  <si>
    <t>２３７０８０１１３２</t>
  </si>
  <si>
    <t>４６７－０８５６</t>
  </si>
  <si>
    <t>名古屋市瑞穂区新開町６番２２号</t>
  </si>
  <si>
    <t>アミエ株式会社</t>
  </si>
  <si>
    <t>０５２－８７１－１４１１</t>
  </si>
  <si>
    <t>０５２－８７１－７７３８</t>
  </si>
  <si>
    <t>愛知県清須市西枇杷島町城並二丁目１１番地１</t>
  </si>
  <si>
    <t>２３７０１０２９７８</t>
  </si>
  <si>
    <t>４６４－０８１８</t>
  </si>
  <si>
    <t>名古屋市千種区池園町２丁目４番地１</t>
  </si>
  <si>
    <t>グレイス池園Ｂ１号室</t>
  </si>
  <si>
    <t>０５２－７８８－２７１０</t>
  </si>
  <si>
    <t>でぃ～らいふ介護サービス</t>
  </si>
  <si>
    <t>２３７２９００８９０</t>
  </si>
  <si>
    <t>株式会社せがわ住機名古屋中央店</t>
  </si>
  <si>
    <t>２３７０２０１１４３</t>
  </si>
  <si>
    <t>ニットー介護福祉ショップ</t>
  </si>
  <si>
    <t>４６１－００２５</t>
  </si>
  <si>
    <t>名古屋市東区徳川二丁目１８番３号</t>
  </si>
  <si>
    <t>０５２－９３５－８９７６</t>
  </si>
  <si>
    <t>２３７０２０１５８０</t>
  </si>
  <si>
    <t>杉乃や</t>
  </si>
  <si>
    <t>４６１－００１８</t>
  </si>
  <si>
    <t>名古屋市東区主税町２丁目３番地　法務総合ビル２０２</t>
  </si>
  <si>
    <t>０５０－３５６１－５５４７</t>
  </si>
  <si>
    <t>２３７０３０３９２３</t>
  </si>
  <si>
    <t>（株）ナイスワーク　名古屋北営業所</t>
  </si>
  <si>
    <t>４６２－００１２</t>
  </si>
  <si>
    <t>名古屋市北区楠二丁目３３１番地</t>
  </si>
  <si>
    <t>０５２－９０２－４１６５</t>
  </si>
  <si>
    <t>２３７０３０３９３１</t>
  </si>
  <si>
    <t>パナソニックエイジフリーショップ大曽根西</t>
  </si>
  <si>
    <t>４６２－０８１８</t>
  </si>
  <si>
    <t>名古屋市北区彩紅橋二丁目１番地１</t>
  </si>
  <si>
    <t>谷口第二ビル１階</t>
  </si>
  <si>
    <t>０５２－９８１－７５８５</t>
  </si>
  <si>
    <t>２３７０４０２８８１</t>
  </si>
  <si>
    <t>カシダス　名古屋</t>
  </si>
  <si>
    <t>２３７０４０３０１２</t>
  </si>
  <si>
    <t>福祉用具レンタルたなか</t>
  </si>
  <si>
    <t>４５１－００６６</t>
  </si>
  <si>
    <t>名古屋市西区児玉二丁目２１番９号</t>
  </si>
  <si>
    <t>０５２－５３１－７３１８</t>
  </si>
  <si>
    <t>２３７０４０３１４５</t>
  </si>
  <si>
    <t>ナカ福祉用具レンタル</t>
  </si>
  <si>
    <t>２３７０４０３１８６</t>
  </si>
  <si>
    <t>アシストケアワカミヤ名古屋営業所</t>
  </si>
  <si>
    <t>４５２－０８０９</t>
  </si>
  <si>
    <t>名古屋市西区花原町５６－２</t>
  </si>
  <si>
    <t>０５２－９８２－７５１８</t>
  </si>
  <si>
    <t>２３７０４０３２３６</t>
  </si>
  <si>
    <t>レンタル介心</t>
  </si>
  <si>
    <t>４５１－００１２</t>
  </si>
  <si>
    <t>名古屋市西区稲生町字杁先２２００－１０</t>
  </si>
  <si>
    <t>キャパシティ　５０３</t>
  </si>
  <si>
    <t>０５２－３２５－４８２２</t>
  </si>
  <si>
    <t>２３７０８００８１１</t>
  </si>
  <si>
    <t>マイハウス</t>
  </si>
  <si>
    <t>４６７－０８２７</t>
  </si>
  <si>
    <t>名古屋市瑞穂区下坂町一丁目３３番地</t>
  </si>
  <si>
    <t>ミヅホビル１階</t>
  </si>
  <si>
    <t>０５２－８８９－７２８０</t>
  </si>
  <si>
    <t>２３７０９０１５０２</t>
  </si>
  <si>
    <t>コトー福祉用具</t>
  </si>
  <si>
    <t>４５６－００７７</t>
  </si>
  <si>
    <t>名古屋市熱田区幡野町１８－８</t>
  </si>
  <si>
    <t>０５２－２２８－８５２５</t>
  </si>
  <si>
    <t>２３７１００４２０７</t>
  </si>
  <si>
    <t>株式会社　くくる</t>
  </si>
  <si>
    <t>４５４－０９３４</t>
  </si>
  <si>
    <t>名古屋市中川区西中島二丁目６０５番地</t>
  </si>
  <si>
    <t>ＯＳ．ＳＫＹマンション西中島Ｉ　４０１号</t>
  </si>
  <si>
    <t>０５２－６５５－６８７１</t>
  </si>
  <si>
    <t>２３７１００４３７１</t>
  </si>
  <si>
    <t>福祉用具事業部　ひより</t>
  </si>
  <si>
    <t>４５４－００３１</t>
  </si>
  <si>
    <t>名古屋市中川区八幡本通１丁目３３番地９</t>
  </si>
  <si>
    <t>０５２－３９８－６２９０</t>
  </si>
  <si>
    <t>２３７１００４４１３</t>
  </si>
  <si>
    <t>株式会社　せがわ住機</t>
  </si>
  <si>
    <t>４５４－０８３８</t>
  </si>
  <si>
    <t>名古屋市中川区太平通３丁目２３番地の１</t>
  </si>
  <si>
    <t>０５２－３５３－１８６１</t>
  </si>
  <si>
    <t>２３７１１０２２１７</t>
  </si>
  <si>
    <t>４５５－０００２</t>
  </si>
  <si>
    <t>名古屋市港区東海通５丁目１０</t>
  </si>
  <si>
    <t>０５２－６５１－８１０１</t>
  </si>
  <si>
    <t>２３７１２０２８６８</t>
  </si>
  <si>
    <t>ダスキンヘルスレント内田橋ステーション</t>
  </si>
  <si>
    <t>４５７－０８６１</t>
  </si>
  <si>
    <t>名古屋市南区明治二丁目４－３３</t>
  </si>
  <si>
    <t>０５２－７４６―５５８０</t>
  </si>
  <si>
    <t>463-0071</t>
  </si>
  <si>
    <t>２３７１３０３４６８</t>
  </si>
  <si>
    <t>パナソニックエイジフリーショップなごや喜多山</t>
  </si>
  <si>
    <t>名古屋市守山区喜多山南２１番１８号</t>
  </si>
  <si>
    <t>アモール喜多山１－Ｃ</t>
  </si>
  <si>
    <t>２３７１３０３５２６</t>
  </si>
  <si>
    <t>アビリティーズ・ケアネット株式会社　名古屋営業所</t>
  </si>
  <si>
    <t>４６３－００６７</t>
  </si>
  <si>
    <t>名古屋市守山区守山３丁目１１番２８号</t>
  </si>
  <si>
    <t>ＮＴＴ守山ビル１Ｆ</t>
  </si>
  <si>
    <t>０５２－７５８－５０１１</t>
  </si>
  <si>
    <t>４６５－００５３</t>
  </si>
  <si>
    <t>名古屋市名東区極楽町三丁目９６番地３</t>
  </si>
  <si>
    <t>２３７１５０３２９９</t>
  </si>
  <si>
    <t>ダスキンヘルスレントめいとうステーション</t>
  </si>
  <si>
    <t>４６５－００５１</t>
  </si>
  <si>
    <t>名古屋市名東区社が丘一丁目８０３番地</t>
  </si>
  <si>
    <t>０５２－７０１－３８００</t>
  </si>
  <si>
    <t>２３７１５０３４２２</t>
  </si>
  <si>
    <t>ＳＡＬＴＯ</t>
  </si>
  <si>
    <t>名古屋市名東区上社四丁目１３１</t>
  </si>
  <si>
    <t>牧春ビル　２Ａ</t>
  </si>
  <si>
    <t>０５２-７０９－２８８６</t>
  </si>
  <si>
    <t>２３７１６０３２９７</t>
  </si>
  <si>
    <t>４６８－００４２</t>
  </si>
  <si>
    <t>名古屋市天白区海老山町１０２番地の２</t>
  </si>
  <si>
    <t>花村ビル１階</t>
  </si>
  <si>
    <t>０５２－８０７－８０７１</t>
  </si>
  <si>
    <t>２３７１６０３３５４</t>
  </si>
  <si>
    <t>ファミリア福祉用具</t>
  </si>
  <si>
    <t>４６８－００５１</t>
  </si>
  <si>
    <t>名古屋市天白区植田一丁目２１１６番地</t>
  </si>
  <si>
    <t>０５２－８０１－００８０</t>
  </si>
  <si>
    <t>２１７０１００２２２</t>
  </si>
  <si>
    <t>合資会社　イング</t>
  </si>
  <si>
    <t>５０２－０８５８</t>
  </si>
  <si>
    <t>岐阜県岐阜市下土居３丁目１番１２号</t>
  </si>
  <si>
    <t>０５８－２６０－７０８０</t>
  </si>
  <si>
    <t>２３７１４０３６２３</t>
  </si>
  <si>
    <t>ダスキンヘルスレント有松ステーション</t>
  </si>
  <si>
    <t>４５８－０８２０</t>
  </si>
  <si>
    <t>名古屋市緑区境松一丁目３０５番地</t>
  </si>
  <si>
    <t>０５２－６０２－６７７６</t>
  </si>
  <si>
    <t>２３７２１０３９９０</t>
  </si>
  <si>
    <t>株式会社　いちかわ</t>
  </si>
  <si>
    <t>４４４－０００７</t>
  </si>
  <si>
    <t>岡崎市大平町西上野１０７</t>
  </si>
  <si>
    <t>０５６４－６４－５０６４</t>
  </si>
  <si>
    <t>２３７２２００５７２</t>
  </si>
  <si>
    <t>平岩器械株式会社</t>
  </si>
  <si>
    <t>４９１－０１０３</t>
  </si>
  <si>
    <t>愛知県一宮市浅井町前野字新田裏４７番地１８</t>
  </si>
  <si>
    <t>０５８６－５１－２７９０</t>
  </si>
  <si>
    <t>２３７２３０２２７９</t>
  </si>
  <si>
    <t>おりべの舎</t>
  </si>
  <si>
    <t>４８９－０９１３</t>
  </si>
  <si>
    <t>愛知県瀬戸市水南町１１１番地</t>
  </si>
  <si>
    <t>０５６１－８８－０１８８</t>
  </si>
  <si>
    <t>２３７２３０２４８５</t>
  </si>
  <si>
    <t>４８９－０９２６</t>
  </si>
  <si>
    <t>０５６１－４２－４８００</t>
  </si>
  <si>
    <t>ケアコミュニケーションズ</t>
  </si>
  <si>
    <t>パナソニックエイジフリーショップあま津島</t>
  </si>
  <si>
    <t>かいごタウンあいち　福祉用具貸与販売事業所</t>
  </si>
  <si>
    <t>４４８－０００４</t>
  </si>
  <si>
    <t>刈谷市泉田町向畑７９</t>
  </si>
  <si>
    <t>０５６６－２９－３３２５</t>
  </si>
  <si>
    <t>２３７３０００１７９</t>
  </si>
  <si>
    <t>株式会社ヤマシタコーポレーション　豊田営業所</t>
  </si>
  <si>
    <t>４７１－０８４２</t>
  </si>
  <si>
    <t>愛知県豊田市土橋町６丁目７０番地１</t>
  </si>
  <si>
    <t>０５６５－２５－１２２２</t>
  </si>
  <si>
    <t>２３７３５００５６６</t>
  </si>
  <si>
    <t>エスライフ介護保険レンタルサービス</t>
  </si>
  <si>
    <t>４７９－０８４５</t>
  </si>
  <si>
    <t>愛知県常滑市森西町１丁目１０３番地</t>
  </si>
  <si>
    <t>０５６９－８９－７５７０</t>
  </si>
  <si>
    <t>２３７３６００９４５</t>
  </si>
  <si>
    <t>メイコー医療株式会社</t>
  </si>
  <si>
    <t>４８３－８１７３</t>
  </si>
  <si>
    <t>愛知県江南市尾崎町桐野６７番地</t>
  </si>
  <si>
    <t>０５８７－５５－６９３５</t>
  </si>
  <si>
    <t>２３７３８０００６５</t>
  </si>
  <si>
    <t>０５６８－７３－６６０１</t>
  </si>
  <si>
    <t>パナソニックエイジフリーショップ尾張小牧㈱五月商店</t>
  </si>
  <si>
    <t>２３７４０００１３７</t>
  </si>
  <si>
    <t>光田屋げんき館</t>
  </si>
  <si>
    <t>４４１－１３８６</t>
  </si>
  <si>
    <t>愛知県新城市字南畑７４番地</t>
  </si>
  <si>
    <t>０５３６－２３－２１３１</t>
  </si>
  <si>
    <t>２３７４２００９３５</t>
  </si>
  <si>
    <t>株式会社　ゆうあ　ケアレンタルかなう</t>
  </si>
  <si>
    <t>４７４－００３５</t>
  </si>
  <si>
    <t>愛知県大府市江端町５-１３１</t>
  </si>
  <si>
    <t>サンシャイン月見草　１Ｆ</t>
  </si>
  <si>
    <t>０５６２-４７-４１６５</t>
  </si>
  <si>
    <t>２３７４８００６７６</t>
  </si>
  <si>
    <t>関谷株式会社　福祉用具貸与・販売事業部</t>
  </si>
  <si>
    <t>４７０－１１４１</t>
  </si>
  <si>
    <t>愛知県豊明市阿野町惣作１３番地</t>
  </si>
  <si>
    <t>０５６２－９２－５１７８</t>
  </si>
  <si>
    <t>２３７４９０１１３６</t>
  </si>
  <si>
    <t>株式会社　Ｌｅａｆｌｅｔ　リーフレット</t>
  </si>
  <si>
    <t>４７０－０１２４</t>
  </si>
  <si>
    <t>愛知県日進市浅田町上小深田８番地５９</t>
  </si>
  <si>
    <t>０５２－８０４－５８８４</t>
  </si>
  <si>
    <t>２３７５６００４４８</t>
  </si>
  <si>
    <t>株式会社　メディカル加藤</t>
  </si>
  <si>
    <t>４９０－１１０１</t>
  </si>
  <si>
    <t>愛知県あま市方領屋敷１８５番地２</t>
  </si>
  <si>
    <t>０５２－４４４－２８７３</t>
  </si>
  <si>
    <t>２４７０１０１９０４</t>
  </si>
  <si>
    <t>株式会社　さくらライフクリエイト</t>
  </si>
  <si>
    <t>５１１－０８３６</t>
  </si>
  <si>
    <t>三重県桑名市大字江場４１３番地</t>
  </si>
  <si>
    <t>０５９４－８７－７１１３</t>
  </si>
  <si>
    <t>３４７１５００１３６</t>
  </si>
  <si>
    <t>株式会社　はるかぜ</t>
  </si>
  <si>
    <t>７２０－００８２</t>
  </si>
  <si>
    <t>広島県福山市木之庄町三丁目３番１５号</t>
  </si>
  <si>
    <t>０５２－７８８－２７１１</t>
  </si>
  <si>
    <t>平成２８年７月１５日</t>
  </si>
  <si>
    <t>０５２－９３５－５２８３</t>
  </si>
  <si>
    <t>平成２９年８月１０日</t>
  </si>
  <si>
    <t>平成２９年１２月２５日</t>
  </si>
  <si>
    <t>０５２－９０２－４１６８</t>
  </si>
  <si>
    <t>平成２９年３月２日</t>
  </si>
  <si>
    <t>０５２－９８１ー７５８６</t>
  </si>
  <si>
    <t>平成２９年２月１日</t>
  </si>
  <si>
    <t>平成２９年７月１３日</t>
  </si>
  <si>
    <t>平成２９年１０月２６日</t>
  </si>
  <si>
    <t>平成２８年６年２日</t>
  </si>
  <si>
    <t>平成２８年１１月１１日</t>
  </si>
  <si>
    <t>０５２－３２５－４８２3</t>
  </si>
  <si>
    <t>平成２９年１０月１１日</t>
  </si>
  <si>
    <t>０５２－８８９－７２８１</t>
  </si>
  <si>
    <t>平成２８年５月１９日</t>
  </si>
  <si>
    <t>平成２９年１月１日</t>
  </si>
  <si>
    <t>０５２－７９９－７０７３</t>
  </si>
  <si>
    <t>平成２８年９月６日</t>
  </si>
  <si>
    <t>平成２８年４月１日</t>
  </si>
  <si>
    <t>０５２－６５５－６８７２</t>
  </si>
  <si>
    <t>平成２９年６月１日</t>
  </si>
  <si>
    <t>０５２－３５３－１８６２</t>
  </si>
  <si>
    <t>平成３０年１月２４日</t>
  </si>
  <si>
    <t>０５２－６５１－８１０２</t>
  </si>
  <si>
    <t>０５２－７４６－５５８１</t>
  </si>
  <si>
    <t>平成２９年４月１３日</t>
  </si>
  <si>
    <t>平成２９年　９月　５日</t>
  </si>
  <si>
    <t>０５２－７５８－５０３３</t>
  </si>
  <si>
    <t>平成２９年５月１６日</t>
  </si>
  <si>
    <t>０５２-７０９－２８８７</t>
  </si>
  <si>
    <t>０５２－８０７－８０７２</t>
  </si>
  <si>
    <t>０５８－２６０－７０８１</t>
  </si>
  <si>
    <t>平成２８年１１月１７日</t>
  </si>
  <si>
    <t>平成２９年１１月７日</t>
  </si>
  <si>
    <t>０５２－６０２－６７７７</t>
  </si>
  <si>
    <t>平成２８年１２月２７日</t>
  </si>
  <si>
    <t>平成２９年１２月８日</t>
  </si>
  <si>
    <t>０５８６－５１－６５７１</t>
  </si>
  <si>
    <t>平成２８年３月１４日</t>
  </si>
  <si>
    <t>０５６１－８５－７７８８</t>
  </si>
  <si>
    <t>平成２９年３月２７日</t>
  </si>
  <si>
    <t>０５６１－４１－８９２６</t>
  </si>
  <si>
    <t>０５６６－２９－１７６９</t>
  </si>
  <si>
    <t>平成２８年４月２６日</t>
  </si>
  <si>
    <t>０５６５－２５－１２２３</t>
  </si>
  <si>
    <t>平成２９年３月１５日</t>
  </si>
  <si>
    <t>０５６９－８９－７５７１</t>
  </si>
  <si>
    <t>０５８７－５５－６９８６</t>
  </si>
  <si>
    <t>平成２８年８月３日</t>
  </si>
  <si>
    <t>０５６８－７３－７３３５</t>
  </si>
  <si>
    <t>平成２８年９月１３日</t>
  </si>
  <si>
    <t>０５３６－２３－４８１１</t>
  </si>
  <si>
    <t>平成２９年２月２２日</t>
  </si>
  <si>
    <t>０５６２－４７－４１６７</t>
  </si>
  <si>
    <t>０５６２－９２－３６７７</t>
  </si>
  <si>
    <t>平成２９年６月１３日</t>
  </si>
  <si>
    <t>０５２－８４８－６７８７</t>
  </si>
  <si>
    <t>０５２－４４３－８３１１</t>
  </si>
  <si>
    <t>０５９４－８７－７１１４</t>
  </si>
  <si>
    <t>平成２８年３月１０日</t>
  </si>
  <si>
    <t>平成２９年４月２８日</t>
  </si>
  <si>
    <t>２３７０３０４１８６</t>
  </si>
  <si>
    <t>株式会社ペリドット</t>
  </si>
  <si>
    <t>４６２－０８６５</t>
  </si>
  <si>
    <t>名古屋市北区下飯田町4丁目41番地</t>
  </si>
  <si>
    <t>０５２－３２５－２９３９</t>
  </si>
  <si>
    <t>０５２－３２５－２９４９</t>
  </si>
  <si>
    <t>平成30年5月18日</t>
  </si>
  <si>
    <t>２３７１５０３４８９</t>
  </si>
  <si>
    <t>福祉用具貸与販売事業所　コネクト　ケア</t>
  </si>
  <si>
    <t>４６５－００９２</t>
  </si>
  <si>
    <t>名古屋市名東区社台三丁目13番地</t>
  </si>
  <si>
    <t>ロイヤルアーク上社１０１号室</t>
  </si>
  <si>
    <t>０５２－８９０－０２７３</t>
  </si>
  <si>
    <t>０５２－７７４－５８９７</t>
  </si>
  <si>
    <t>平成30年6月21日</t>
  </si>
  <si>
    <t>２３７１５０３４９７</t>
  </si>
  <si>
    <t>メディカル　イーライフ</t>
  </si>
  <si>
    <t>４６５－００２４</t>
  </si>
  <si>
    <t>名古屋市名東区本郷二丁目177番地</t>
  </si>
  <si>
    <t>第三幸楽ビル１C</t>
  </si>
  <si>
    <t>０５２－７７６－１３３７</t>
  </si>
  <si>
    <t>平成30年7月18日</t>
  </si>
  <si>
    <t>２１７２１００３５２</t>
  </si>
  <si>
    <t>アシストケア　ワカミヤ</t>
  </si>
  <si>
    <t>５０３－０８９６</t>
  </si>
  <si>
    <t>岐阜県大垣市高橋町１－１７</t>
  </si>
  <si>
    <t>０５８４－４７－９２０１</t>
  </si>
  <si>
    <t>愛知県春日井市如意申町５丁目２－１</t>
  </si>
  <si>
    <t>２３７２９０００８０</t>
  </si>
  <si>
    <t>市川商事（株）　すこやかクラブ</t>
  </si>
  <si>
    <t>４４８－０８４４</t>
  </si>
  <si>
    <t>愛知県刈谷市広小路５丁目５９番地</t>
  </si>
  <si>
    <t>０５６６－２２－８０１６</t>
  </si>
  <si>
    <t>０５６６－２２－３３５５</t>
  </si>
  <si>
    <t>平成３０年２月２２日</t>
  </si>
  <si>
    <t>２３７５６０２４４４</t>
  </si>
  <si>
    <t>ハートサービスアスカ</t>
  </si>
  <si>
    <t>４９０－１１４３</t>
  </si>
  <si>
    <t>海部郡大治町大字砂子字山ノ前７６３－１</t>
  </si>
  <si>
    <t>０５２－４４４－３３８３</t>
  </si>
  <si>
    <t>０５２－４４２－９７４８</t>
  </si>
  <si>
    <t>愛知県清須市春日西須ヶ畑108番地１</t>
  </si>
  <si>
    <t>２３７０５０３３８１</t>
  </si>
  <si>
    <t>福祉用具貸与販売プラス</t>
  </si>
  <si>
    <t>０５２－４４６－５１０１</t>
  </si>
  <si>
    <t>０５２－４４６－５１０７</t>
  </si>
  <si>
    <t>平成３０年１１月１日</t>
  </si>
  <si>
    <t>２３７１３０３８９８</t>
  </si>
  <si>
    <t>４６３－０８１４</t>
  </si>
  <si>
    <t>名古屋市守山区桔梗平一丁目2204番地</t>
  </si>
  <si>
    <t>７５３－６５１５</t>
  </si>
  <si>
    <t>７５３－６５１７</t>
  </si>
  <si>
    <t>平成３０年９月１９日</t>
  </si>
  <si>
    <t>２１７１８００８０４</t>
  </si>
  <si>
    <t>株式会社福祉の里　土岐</t>
  </si>
  <si>
    <t>５０９－５１２４</t>
  </si>
  <si>
    <t>岐阜県土岐市土岐口中町3丁目96番地</t>
  </si>
  <si>
    <t>０５７２－５３－０３８０</t>
  </si>
  <si>
    <t>０５７２－５３－０３８１</t>
  </si>
  <si>
    <t>平成３０年１０月２９日</t>
  </si>
  <si>
    <t>２３７０４０３１１１</t>
  </si>
  <si>
    <t>４５２－０８０２</t>
  </si>
  <si>
    <t>名古屋市西区比良四丁目92番１</t>
  </si>
  <si>
    <t>０５２－７５０－９２１６</t>
  </si>
  <si>
    <t>０５２－７５０－９２１７</t>
  </si>
  <si>
    <t>平成３０年１１月２７日</t>
  </si>
  <si>
    <t>SOMPOケア　中部　福祉用具</t>
  </si>
  <si>
    <t>２３７１３０３８５６</t>
  </si>
  <si>
    <t>福祉サービス　孝心</t>
  </si>
  <si>
    <t>守山区大字上志段味字東谷2074番地の60</t>
  </si>
  <si>
    <t>７３７－１０２０</t>
  </si>
  <si>
    <t>７３７－１０２１</t>
  </si>
  <si>
    <t>平成３１年２月４日</t>
  </si>
  <si>
    <t>名古屋市緑区諸の木三丁目1201番地</t>
  </si>
  <si>
    <t>２３７４５０１９４４</t>
  </si>
  <si>
    <t>合同会社グッドライフ　福祉用具　あおぞら</t>
  </si>
  <si>
    <t>４８８－０８２３</t>
  </si>
  <si>
    <t>尾張旭市庄南町１－９－１</t>
  </si>
  <si>
    <t>庄内ハイツ１０１</t>
  </si>
  <si>
    <t>０５２－７６９－６４２２</t>
  </si>
  <si>
    <t>０５２－７６９－６４３３</t>
  </si>
  <si>
    <t>平成３０年１２月１０日</t>
  </si>
  <si>
    <t>２４７２２００５１４</t>
  </si>
  <si>
    <t>ユナイト</t>
  </si>
  <si>
    <t>５１０－８１１４</t>
  </si>
  <si>
    <t>三重県三重郡川越町大字亀崎新田字南新田50番地７</t>
  </si>
  <si>
    <t>０５９－３６１－６８００</t>
  </si>
  <si>
    <t>０５９－３６１－６８０１</t>
  </si>
  <si>
    <t>平成３０年１２月１７日</t>
  </si>
  <si>
    <t>084-923-0772</t>
  </si>
  <si>
    <t>084-923-0786</t>
  </si>
  <si>
    <t>株式会社　ヤマシタ　千種営業所</t>
  </si>
  <si>
    <t>２３７０３０４２６９</t>
  </si>
  <si>
    <t>ウェルアーク</t>
  </si>
  <si>
    <t>名古屋市北区楠一丁目８０６番地</t>
  </si>
  <si>
    <t>ロックガーデン北棟４０３号</t>
  </si>
  <si>
    <t>０５２－９０８－７７００</t>
  </si>
  <si>
    <t>０５２－９０８－７７５０</t>
  </si>
  <si>
    <t>平成３１年３月２６日</t>
  </si>
  <si>
    <t>２３７０７０２４３９</t>
  </si>
  <si>
    <t>株式会社MEDIX</t>
  </si>
  <si>
    <t>名古屋市昭和区山手通一丁目17番地の１</t>
  </si>
  <si>
    <t>０５２－８７５－５１１５</t>
  </si>
  <si>
    <t>０５２－８６１－０６０１</t>
  </si>
  <si>
    <t>平成３１年４月１８日</t>
  </si>
  <si>
    <t>２３７０８０１９００</t>
  </si>
  <si>
    <t>福祉用具の福助</t>
  </si>
  <si>
    <t>４６７－００５５</t>
  </si>
  <si>
    <t>名古屋市瑞穂区中根町３丁目８８</t>
  </si>
  <si>
    <t>０５２－８７５－７６６１</t>
  </si>
  <si>
    <t>０５２－８７５－８３０７</t>
  </si>
  <si>
    <t>２３７１００４３９７</t>
  </si>
  <si>
    <t>中日介護福祉用具</t>
  </si>
  <si>
    <t>４５４－００４２</t>
  </si>
  <si>
    <t>名古屋市中川区応仁町二丁目47番地の１</t>
  </si>
  <si>
    <t>０５２－６５５－５７０８</t>
  </si>
  <si>
    <t>平成３１年３月２９日</t>
  </si>
  <si>
    <t>福祉サポート　名古屋西営業所</t>
  </si>
  <si>
    <t>名古屋市中川区吉津四丁目2110番地　</t>
  </si>
  <si>
    <t>アクティブ吉津Ｃ号</t>
  </si>
  <si>
    <t>０５２－４３３－３１１５</t>
  </si>
  <si>
    <t>０５２－４３３－３１１６</t>
  </si>
  <si>
    <t>令和元年５月１５日</t>
  </si>
  <si>
    <t>２３７１３０４０２９</t>
  </si>
  <si>
    <t>４６３－００４８</t>
  </si>
  <si>
    <t>名古屋市守山区小幡南三丁目10番29号</t>
  </si>
  <si>
    <t>０５２－７１５－５０１６</t>
  </si>
  <si>
    <t>０５２－７１５－５０１７</t>
  </si>
  <si>
    <t>２３７２９０１８３１</t>
  </si>
  <si>
    <t>福祉用具　SORA</t>
  </si>
  <si>
    <t>４４８－０００５</t>
  </si>
  <si>
    <t>刈谷市今川町山ノ神２８</t>
  </si>
  <si>
    <t>フォーブル神谷１０２号</t>
  </si>
  <si>
    <t>０５６６－９５－５４３８</t>
  </si>
  <si>
    <t>０５６６－９５－５４３９</t>
  </si>
  <si>
    <t>平成３１年３月２０日</t>
  </si>
  <si>
    <t>２３７７４００６６４</t>
  </si>
  <si>
    <t>有限会社　ウェルビーイングホーム</t>
  </si>
  <si>
    <t>４８１－０００４</t>
  </si>
  <si>
    <t>北名古屋市薬師寺村前２８番地</t>
  </si>
  <si>
    <t>０５６８－２５－０５６８</t>
  </si>
  <si>
    <t>０５６８－２５－０１０５</t>
  </si>
  <si>
    <t>平成３１年３月２２日</t>
  </si>
  <si>
    <t>愛知県瀬戸市見付町59番地</t>
  </si>
  <si>
    <t>メゾネット豊１０Ｄ号室</t>
  </si>
  <si>
    <t>０５２－４３３－７７３８</t>
  </si>
  <si>
    <t>０５２－３０８－１９９１</t>
  </si>
  <si>
    <t>令和元年６月１１日</t>
  </si>
  <si>
    <t>令和元年７月２日</t>
  </si>
  <si>
    <t>２３７１００４６４５</t>
  </si>
  <si>
    <t>福祉用具レンタル販売　和心かぞく</t>
  </si>
  <si>
    <t>４５４－０９９４</t>
  </si>
  <si>
    <t>名古屋市中川区長須賀二丁目901番地</t>
  </si>
  <si>
    <t>２３７１００４６８６</t>
  </si>
  <si>
    <t>福祉用具事業所知恵</t>
  </si>
  <si>
    <t>４５４－０９８４</t>
  </si>
  <si>
    <t>名古屋市中川区供米田三丁目１６０４番地</t>
  </si>
  <si>
    <t>２３７１３０４０３７</t>
  </si>
  <si>
    <t>フランスベッド株式会社メディカル名古屋北営業所</t>
  </si>
  <si>
    <t>名古屋市守山区森孝東一丁目509番地</t>
  </si>
  <si>
    <t>清水屋藤が丘店４階</t>
  </si>
  <si>
    <t>０５２－７６０－３２６０</t>
  </si>
  <si>
    <t>０５２－７６０－３２６２</t>
  </si>
  <si>
    <t>令和元年７月２２日</t>
  </si>
  <si>
    <t>２３７１２０２６６０</t>
  </si>
  <si>
    <t>パナソニックエイジフリーショップ　なごや桜本町</t>
  </si>
  <si>
    <t>名古屋市南区桜本町143番地１</t>
  </si>
  <si>
    <t>０５２－８１９－６０６６</t>
  </si>
  <si>
    <t>０５２－８１９－６０６７</t>
  </si>
  <si>
    <t>平成28年4月1日</t>
  </si>
  <si>
    <t>２３７１５０３６２０</t>
  </si>
  <si>
    <t>福祉用具たいじゅ</t>
  </si>
  <si>
    <t>４６５－００１１</t>
  </si>
  <si>
    <t>名古屋市名東区山の手一丁目801番地</t>
  </si>
  <si>
    <t>０５２－７９９－６９２０</t>
  </si>
  <si>
    <t>０５２－７９９－６９２１</t>
  </si>
  <si>
    <t>令和元年11月13日</t>
  </si>
  <si>
    <t>２１７０１０３７７０</t>
  </si>
  <si>
    <t>有限会社介護レンタルの山田屋</t>
  </si>
  <si>
    <t>５０２－０９０４</t>
  </si>
  <si>
    <t>岐阜市島栄町１丁目33番地</t>
  </si>
  <si>
    <t>シャトーシャルマン３Ｄ</t>
  </si>
  <si>
    <t>０５８－２４２－９７１３</t>
  </si>
  <si>
    <t>０５８－２３３－５６６７</t>
  </si>
  <si>
    <t>令和元年９月２６日</t>
  </si>
  <si>
    <t>２３７２５０５３９２</t>
  </si>
  <si>
    <t>雪月花　福祉サービス</t>
  </si>
  <si>
    <t>４８６－０９４1</t>
  </si>
  <si>
    <t>春日井市勝川新町３丁目３－２</t>
  </si>
  <si>
    <t>Ｍｒクリフォード１０１号室</t>
  </si>
  <si>
    <t>０５６８－４４－２５５２</t>
  </si>
  <si>
    <t>０５６８－４４－２５５３</t>
  </si>
  <si>
    <t>令和元年11月12日</t>
  </si>
  <si>
    <t>愛知県愛西市大野町９番地</t>
  </si>
  <si>
    <t>株式会社　ヤマシタ　小牧営業所</t>
    <rPh sb="10" eb="12">
      <t>コマキ</t>
    </rPh>
    <phoneticPr fontId="2"/>
  </si>
  <si>
    <t>４８５－００５８</t>
    <phoneticPr fontId="2"/>
  </si>
  <si>
    <t>愛知県小牧市小木五丁目３３２－１</t>
    <rPh sb="6" eb="8">
      <t>コキ</t>
    </rPh>
    <rPh sb="8" eb="11">
      <t>ゴチョウメ</t>
    </rPh>
    <phoneticPr fontId="2"/>
  </si>
  <si>
    <t>名古屋市中区大井町３番２４号</t>
    <rPh sb="6" eb="8">
      <t>オオイ</t>
    </rPh>
    <rPh sb="8" eb="9">
      <t>チョウ</t>
    </rPh>
    <rPh sb="10" eb="11">
      <t>バン</t>
    </rPh>
    <rPh sb="13" eb="14">
      <t>ゴウ</t>
    </rPh>
    <phoneticPr fontId="2"/>
  </si>
  <si>
    <t>メイワ・プラス</t>
    <phoneticPr fontId="2"/>
  </si>
  <si>
    <t>市外</t>
    <phoneticPr fontId="2"/>
  </si>
  <si>
    <t>アサヒサンクリーン福祉用具センター愛知</t>
    <rPh sb="17" eb="19">
      <t>アイチ</t>
    </rPh>
    <phoneticPr fontId="2"/>
  </si>
  <si>
    <t>４８６－０９１８</t>
    <phoneticPr fontId="2"/>
  </si>
  <si>
    <t>愛知県春日井市如意申町四丁目７番地２</t>
    <rPh sb="0" eb="3">
      <t>アイチケン</t>
    </rPh>
    <rPh sb="3" eb="7">
      <t>カスガイシ</t>
    </rPh>
    <rPh sb="7" eb="9">
      <t>ニョイ</t>
    </rPh>
    <rPh sb="9" eb="10">
      <t>モウ</t>
    </rPh>
    <rPh sb="10" eb="11">
      <t>チョウ</t>
    </rPh>
    <rPh sb="11" eb="14">
      <t>ヨンチョウメ</t>
    </rPh>
    <rPh sb="15" eb="17">
      <t>バンチ</t>
    </rPh>
    <phoneticPr fontId="2"/>
  </si>
  <si>
    <t>０５６８－３４－５５８０</t>
    <phoneticPr fontId="2"/>
  </si>
  <si>
    <t>０５６８－３４－５５８２</t>
    <phoneticPr fontId="2"/>
  </si>
  <si>
    <t>中</t>
    <rPh sb="0" eb="1">
      <t>ナカ</t>
    </rPh>
    <phoneticPr fontId="2"/>
  </si>
  <si>
    <t>名古屋市中区栄二丁目３番６号</t>
    <rPh sb="6" eb="7">
      <t>サカエ</t>
    </rPh>
    <phoneticPr fontId="2"/>
  </si>
  <si>
    <t>ＮＢＦ名古屋広小路ビル４階</t>
    <rPh sb="3" eb="6">
      <t>ナゴヤ</t>
    </rPh>
    <rPh sb="6" eb="9">
      <t>ヒロコウジ</t>
    </rPh>
    <rPh sb="12" eb="13">
      <t>カイ</t>
    </rPh>
    <phoneticPr fontId="2"/>
  </si>
  <si>
    <t>０５２－２１８－７２９５</t>
    <phoneticPr fontId="2"/>
  </si>
  <si>
    <t>０５２－２１８－７２９６</t>
    <phoneticPr fontId="2"/>
  </si>
  <si>
    <t>ウェルフェア　＆</t>
    <phoneticPr fontId="2"/>
  </si>
  <si>
    <t>４５２－０００２</t>
    <phoneticPr fontId="2"/>
  </si>
  <si>
    <t>名古屋氏中村区名駅四丁目３番１０号</t>
    <rPh sb="0" eb="3">
      <t>ナゴヤ</t>
    </rPh>
    <rPh sb="3" eb="4">
      <t>シ</t>
    </rPh>
    <rPh sb="4" eb="7">
      <t>ナカムラク</t>
    </rPh>
    <rPh sb="7" eb="9">
      <t>メイエキ</t>
    </rPh>
    <rPh sb="9" eb="12">
      <t>ヨンチョウメ</t>
    </rPh>
    <rPh sb="13" eb="14">
      <t>バン</t>
    </rPh>
    <rPh sb="16" eb="17">
      <t>ゴウ</t>
    </rPh>
    <phoneticPr fontId="2"/>
  </si>
  <si>
    <t>東海ビル５階</t>
    <rPh sb="0" eb="2">
      <t>トウカイ</t>
    </rPh>
    <rPh sb="5" eb="6">
      <t>カイ</t>
    </rPh>
    <phoneticPr fontId="2"/>
  </si>
  <si>
    <t>０５２－５８９－４１６５</t>
    <phoneticPr fontId="2"/>
  </si>
  <si>
    <t>０５２－５８９４１６６</t>
    <phoneticPr fontId="2"/>
  </si>
  <si>
    <t>スギ大府ステーション</t>
    <rPh sb="2" eb="4">
      <t>オオブ</t>
    </rPh>
    <phoneticPr fontId="2"/>
  </si>
  <si>
    <t>４７２－００５２</t>
    <phoneticPr fontId="2"/>
  </si>
  <si>
    <t>愛知県大府市長草町田面１４７番地</t>
    <rPh sb="0" eb="3">
      <t>アイチケン</t>
    </rPh>
    <rPh sb="3" eb="6">
      <t>オオブシ</t>
    </rPh>
    <rPh sb="6" eb="9">
      <t>ナガクサチョウ</t>
    </rPh>
    <rPh sb="9" eb="11">
      <t>タオモテ</t>
    </rPh>
    <rPh sb="14" eb="16">
      <t>バンチ</t>
    </rPh>
    <phoneticPr fontId="2"/>
  </si>
  <si>
    <t>０５６２－３８－６８２１</t>
    <phoneticPr fontId="2"/>
  </si>
  <si>
    <t>０６６２－３８－６８７２</t>
    <phoneticPr fontId="2"/>
  </si>
  <si>
    <t>西</t>
    <phoneticPr fontId="2"/>
  </si>
  <si>
    <t>だいきちケアサービス</t>
    <phoneticPr fontId="2"/>
  </si>
  <si>
    <t>４５２－０８２２</t>
    <phoneticPr fontId="2"/>
  </si>
  <si>
    <t>名古屋市西区中小田井二丁目１４４番地の３</t>
    <rPh sb="0" eb="3">
      <t>ナゴヤ</t>
    </rPh>
    <rPh sb="3" eb="4">
      <t>シ</t>
    </rPh>
    <rPh sb="4" eb="6">
      <t>ニシク</t>
    </rPh>
    <rPh sb="6" eb="10">
      <t>ナカオタイ</t>
    </rPh>
    <rPh sb="10" eb="13">
      <t>ニチョウメ</t>
    </rPh>
    <rPh sb="16" eb="18">
      <t>バンチ</t>
    </rPh>
    <phoneticPr fontId="2"/>
  </si>
  <si>
    <t>キャステールＵ　１０２号室</t>
    <rPh sb="11" eb="13">
      <t>ゴウシツ</t>
    </rPh>
    <phoneticPr fontId="2"/>
  </si>
  <si>
    <t>０５２－５０２－９６１５</t>
    <phoneticPr fontId="2"/>
  </si>
  <si>
    <t>０５２－５０２－９６１６</t>
    <phoneticPr fontId="2"/>
  </si>
  <si>
    <t>市外</t>
    <phoneticPr fontId="2"/>
  </si>
  <si>
    <t>ＯＫＢケア明星　春日井</t>
    <rPh sb="5" eb="7">
      <t>ミョウジョウ</t>
    </rPh>
    <rPh sb="8" eb="11">
      <t>カスガイ</t>
    </rPh>
    <phoneticPr fontId="2"/>
  </si>
  <si>
    <t>４８６－００１１</t>
    <phoneticPr fontId="2"/>
  </si>
  <si>
    <t>春日井市中央台２－１－１４</t>
    <rPh sb="0" eb="4">
      <t>カスガイシ</t>
    </rPh>
    <rPh sb="4" eb="7">
      <t>チュウオウダイ</t>
    </rPh>
    <phoneticPr fontId="2"/>
  </si>
  <si>
    <t>ＯＫＢプランタン高蔵寺</t>
    <rPh sb="8" eb="11">
      <t>コウゾウジ</t>
    </rPh>
    <phoneticPr fontId="2"/>
  </si>
  <si>
    <t>０５６８－９４－７０１１</t>
    <phoneticPr fontId="2"/>
  </si>
  <si>
    <t>０５６８－９４－７０１３</t>
    <phoneticPr fontId="2"/>
  </si>
  <si>
    <t>スズラン</t>
    <phoneticPr fontId="2"/>
  </si>
  <si>
    <t>４５２－０８０３</t>
    <phoneticPr fontId="2"/>
  </si>
  <si>
    <t>０５２－９３８－８６８６</t>
    <phoneticPr fontId="2"/>
  </si>
  <si>
    <t>０５２－９３８－８６９６</t>
    <phoneticPr fontId="2"/>
  </si>
  <si>
    <t>名古屋市西区大野木五丁目７２番地</t>
    <rPh sb="0" eb="4">
      <t>ナゴヤシ</t>
    </rPh>
    <rPh sb="4" eb="6">
      <t>ニシク</t>
    </rPh>
    <rPh sb="6" eb="9">
      <t>オオノキ</t>
    </rPh>
    <rPh sb="9" eb="10">
      <t>イ</t>
    </rPh>
    <rPh sb="10" eb="12">
      <t>チョウメ</t>
    </rPh>
    <rPh sb="14" eb="16">
      <t>バンチ</t>
    </rPh>
    <phoneticPr fontId="2"/>
  </si>
  <si>
    <t>コーポ南陽Ａ－１号</t>
    <rPh sb="3" eb="5">
      <t>ナンヨウ</t>
    </rPh>
    <rPh sb="8" eb="9">
      <t>ゴウ</t>
    </rPh>
    <phoneticPr fontId="2"/>
  </si>
  <si>
    <t>有限会社わこう　名古屋支店</t>
    <rPh sb="0" eb="4">
      <t>ユウゲンガイシャ</t>
    </rPh>
    <rPh sb="8" eb="11">
      <t>ナゴヤ</t>
    </rPh>
    <rPh sb="11" eb="13">
      <t>シテン</t>
    </rPh>
    <phoneticPr fontId="2"/>
  </si>
  <si>
    <t>４５８－０８５１</t>
    <phoneticPr fontId="2"/>
  </si>
  <si>
    <t>名古屋市緑区熊の前二丁目
３０５番地</t>
    <rPh sb="0" eb="4">
      <t>ナゴヤシ</t>
    </rPh>
    <rPh sb="4" eb="6">
      <t>ミドリク</t>
    </rPh>
    <rPh sb="6" eb="7">
      <t>クマ</t>
    </rPh>
    <rPh sb="8" eb="9">
      <t>マエ</t>
    </rPh>
    <rPh sb="9" eb="12">
      <t>ニチョウメ</t>
    </rPh>
    <rPh sb="16" eb="18">
      <t>バンチ</t>
    </rPh>
    <phoneticPr fontId="2"/>
  </si>
  <si>
    <t>０５２－８４６－８００１</t>
    <phoneticPr fontId="2"/>
  </si>
  <si>
    <t>０５２－８４６－８００２</t>
    <phoneticPr fontId="2"/>
  </si>
  <si>
    <t>くすのきパパ</t>
    <phoneticPr fontId="2"/>
  </si>
  <si>
    <t>４９０－１１１１</t>
    <phoneticPr fontId="2"/>
  </si>
  <si>
    <t>愛知県あま市甚目寺桑丸５７－７</t>
    <rPh sb="0" eb="3">
      <t>アイチケン</t>
    </rPh>
    <rPh sb="5" eb="6">
      <t>シ</t>
    </rPh>
    <rPh sb="6" eb="9">
      <t>ジモクジ</t>
    </rPh>
    <rPh sb="9" eb="10">
      <t>クワ</t>
    </rPh>
    <rPh sb="10" eb="11">
      <t>マル</t>
    </rPh>
    <phoneticPr fontId="2"/>
  </si>
  <si>
    <t>０５２－４４１－２６２３</t>
    <phoneticPr fontId="2"/>
  </si>
  <si>
    <t>０５２－４４１－６１９７</t>
    <phoneticPr fontId="2"/>
  </si>
  <si>
    <t>名古屋市西区秩父通２－４０</t>
    <rPh sb="6" eb="8">
      <t>チチブ</t>
    </rPh>
    <rPh sb="8" eb="9">
      <t>ドオリ</t>
    </rPh>
    <phoneticPr fontId="2"/>
  </si>
  <si>
    <t>ドリーム秩父１階</t>
    <rPh sb="4" eb="6">
      <t>チチブ</t>
    </rPh>
    <rPh sb="7" eb="8">
      <t>カイ</t>
    </rPh>
    <phoneticPr fontId="2"/>
  </si>
  <si>
    <t>名古屋市西区栄生１－３５－２０</t>
    <rPh sb="6" eb="8">
      <t>サコウ</t>
    </rPh>
    <phoneticPr fontId="2"/>
  </si>
  <si>
    <t>川津ビル栄生３Ｆ中号</t>
    <rPh sb="0" eb="2">
      <t>カワツ</t>
    </rPh>
    <rPh sb="4" eb="6">
      <t>サコウ</t>
    </rPh>
    <rPh sb="8" eb="9">
      <t>ナカ</t>
    </rPh>
    <rPh sb="9" eb="10">
      <t>ゴウ</t>
    </rPh>
    <phoneticPr fontId="2"/>
  </si>
  <si>
    <t>０５２－９３８－５５５２</t>
    <phoneticPr fontId="2"/>
  </si>
  <si>
    <t>０５２－９３８－５５６２</t>
    <phoneticPr fontId="2"/>
  </si>
  <si>
    <t>４５１－００２４</t>
    <phoneticPr fontId="2"/>
  </si>
  <si>
    <t>４５３－００２３</t>
    <phoneticPr fontId="2"/>
  </si>
  <si>
    <t>名古屋市中村区若宮町１丁目３２番地</t>
    <rPh sb="7" eb="10">
      <t>ワカミヤチョウ</t>
    </rPh>
    <rPh sb="11" eb="13">
      <t>チョウメ</t>
    </rPh>
    <rPh sb="15" eb="17">
      <t>バンチ</t>
    </rPh>
    <phoneticPr fontId="2"/>
  </si>
  <si>
    <t>名古屋市守山区新守町９９番地</t>
    <phoneticPr fontId="2"/>
  </si>
  <si>
    <t>北</t>
    <phoneticPr fontId="2"/>
  </si>
  <si>
    <t>北</t>
    <phoneticPr fontId="2"/>
  </si>
  <si>
    <t>株式会社テクノPLUS</t>
  </si>
  <si>
    <t>合同会社アリンコカンパニー</t>
  </si>
  <si>
    <t>４６２－０８４７</t>
  </si>
  <si>
    <t>名古屋市北区金城三丁目３番１３号</t>
  </si>
  <si>
    <t>４６２－００５２</t>
  </si>
  <si>
    <t>名古屋市北区福徳町６-２６</t>
  </si>
  <si>
    <t>０５２－９３８－６３６６</t>
  </si>
  <si>
    <t>０５２－３２５－２００７</t>
  </si>
  <si>
    <t>０５２－９３８－６３６７</t>
  </si>
  <si>
    <t>０５２－３２５－２００８</t>
  </si>
  <si>
    <t>令和２年４月１４日</t>
  </si>
  <si>
    <t>２３７１３０４１１０</t>
  </si>
  <si>
    <t>守山</t>
    <phoneticPr fontId="2"/>
  </si>
  <si>
    <t>名古屋市守山区瀬古東三丁目２１０番地の１</t>
  </si>
  <si>
    <t>福祉用具フローラ</t>
  </si>
  <si>
    <t>０５２－８９８－１７３９</t>
  </si>
  <si>
    <t>０５２－７９１－０７３７</t>
  </si>
  <si>
    <t>令和２年２月１９日</t>
  </si>
  <si>
    <t>２３７１４０４０９２</t>
  </si>
  <si>
    <t>緑</t>
    <phoneticPr fontId="2"/>
  </si>
  <si>
    <t>４５８－０００７</t>
  </si>
  <si>
    <t>名古屋市緑区篭山三丁目１１２番地</t>
  </si>
  <si>
    <t>０５２－８７５－５３２１</t>
  </si>
  <si>
    <t>０５２－８７５－５３２２</t>
  </si>
  <si>
    <t>令和２年４月６日</t>
  </si>
  <si>
    <t>市外</t>
    <phoneticPr fontId="2"/>
  </si>
  <si>
    <t>２３７４１０１３７２</t>
  </si>
  <si>
    <t>くらそっと　ユウナル東海店</t>
  </si>
  <si>
    <t>４７７－００３１</t>
  </si>
  <si>
    <t>東海市大田町下浜田１３７</t>
  </si>
  <si>
    <t>ユウナル東海１F</t>
  </si>
  <si>
    <t>０５６２－３８－６２５０</t>
  </si>
  <si>
    <t>０５６２－３８－６２５２</t>
  </si>
  <si>
    <t>令和元年１２月２４日</t>
  </si>
  <si>
    <t>市外</t>
    <phoneticPr fontId="2"/>
  </si>
  <si>
    <t>２３７４２０１１６４</t>
  </si>
  <si>
    <t>株式会社トーカイ　大府営業所（アンシア）</t>
  </si>
  <si>
    <t>愛知県大府市共栄町九丁目９－１８</t>
  </si>
  <si>
    <t>令和元年１２月１８日</t>
  </si>
  <si>
    <t>市外</t>
    <phoneticPr fontId="2"/>
  </si>
  <si>
    <t>２３７４８００７２６</t>
  </si>
  <si>
    <t>ニチイケアセンター井ノ花</t>
  </si>
  <si>
    <t>４７０－１１２６</t>
  </si>
  <si>
    <t>愛知県豊明市三崎町高鴨９番地９</t>
  </si>
  <si>
    <t>０５６２－９１－００３１</t>
  </si>
  <si>
    <t>０５６２－９５－３４２４</t>
  </si>
  <si>
    <t>令和２年３月３１日</t>
  </si>
  <si>
    <t>２３７５５００２３４</t>
  </si>
  <si>
    <t>サンケア指定福祉用具貸与事業所</t>
  </si>
  <si>
    <t>愛知県稲沢市平和町西光坊新町７３番地</t>
  </si>
  <si>
    <t>０５６７－４６－５２５５</t>
  </si>
  <si>
    <t>０５６７－４６－５２５６</t>
  </si>
  <si>
    <t>０５６２－４５－６５２１</t>
    <phoneticPr fontId="2"/>
  </si>
  <si>
    <t>０５２－８７９－２０８２</t>
    <phoneticPr fontId="2"/>
  </si>
  <si>
    <t>４４８－０８５６</t>
    <phoneticPr fontId="2"/>
  </si>
  <si>
    <t>名東</t>
    <phoneticPr fontId="2"/>
  </si>
  <si>
    <t>２３７１５０３８４４</t>
  </si>
  <si>
    <t>ニック株式会社 
名古屋東営業所</t>
    <phoneticPr fontId="2"/>
  </si>
  <si>
    <t>４６５－００５６</t>
    <phoneticPr fontId="2"/>
  </si>
  <si>
    <t>０５２－７０９－６１００</t>
    <phoneticPr fontId="2"/>
  </si>
  <si>
    <t>０５２－７０９－６１０３</t>
    <phoneticPr fontId="2"/>
  </si>
  <si>
    <t>名古屋市名東区野間町１４番地</t>
    <rPh sb="0" eb="4">
      <t>ナゴヤシ</t>
    </rPh>
    <phoneticPr fontId="2"/>
  </si>
  <si>
    <t>市外</t>
    <phoneticPr fontId="2"/>
  </si>
  <si>
    <t>２３７２５０５７４９</t>
  </si>
  <si>
    <t>キングラン東海株式会社</t>
    <phoneticPr fontId="2"/>
  </si>
  <si>
    <t>住まいるサポート福祉用具センター</t>
    <phoneticPr fontId="2"/>
  </si>
  <si>
    <t>４８６－０８３３</t>
    <phoneticPr fontId="2"/>
  </si>
  <si>
    <t>愛知県春日井市上条町４－９５－２</t>
  </si>
  <si>
    <t>０５０－３６９８－８３３１</t>
  </si>
  <si>
    <t>０５０－３４５７－９６９２</t>
  </si>
  <si>
    <t>０７０－１４２０-３８４９</t>
    <phoneticPr fontId="2"/>
  </si>
  <si>
    <t>千種</t>
    <phoneticPr fontId="2"/>
  </si>
  <si>
    <t>２３７０１０３５８８</t>
  </si>
  <si>
    <t>やまもと企画株式会社　名古屋事業所</t>
  </si>
  <si>
    <t>４６４－０８５０</t>
    <phoneticPr fontId="2"/>
  </si>
  <si>
    <t>名古屋市千種区今池三丁目１５番６号</t>
    <phoneticPr fontId="2"/>
  </si>
  <si>
    <t>０５２－４３９－６０１１</t>
    <phoneticPr fontId="2"/>
  </si>
  <si>
    <t>０５２－４３９－６０１２</t>
    <phoneticPr fontId="2"/>
  </si>
  <si>
    <t>４６２－０８４４</t>
  </si>
  <si>
    <t>名古屋市北区清水五丁目６番９号</t>
  </si>
  <si>
    <t>０５２－３０７－３０１１</t>
  </si>
  <si>
    <t>０５２－３０７－３０１２</t>
  </si>
  <si>
    <t>令和３年８月１０日</t>
  </si>
  <si>
    <t>イーケアスマイル</t>
    <phoneticPr fontId="2"/>
  </si>
  <si>
    <t>４６２－００１６</t>
    <phoneticPr fontId="2"/>
  </si>
  <si>
    <t>名古屋市北区西味鋺四丁目２０３番地</t>
    <phoneticPr fontId="2"/>
  </si>
  <si>
    <t>サンダイマンション１０２号室</t>
    <phoneticPr fontId="2"/>
  </si>
  <si>
    <t>０５２－９０１－０４７１</t>
  </si>
  <si>
    <t>０５２－９０１－０４７９</t>
  </si>
  <si>
    <t>令和３年９月２４日</t>
  </si>
  <si>
    <t>２３７０６０２６６２</t>
  </si>
  <si>
    <t>２３７０６０２７２０</t>
  </si>
  <si>
    <t>ぜにた福祉用具販売・貸与　名古屋営業所</t>
  </si>
  <si>
    <t>４６０－０００７</t>
  </si>
  <si>
    <t>名古屋市中区新栄三丁目２０番２８号</t>
  </si>
  <si>
    <t>名古屋市中区大須三丁目１４番５５号</t>
  </si>
  <si>
    <t>ライフ＆シニアハウス千種４階</t>
  </si>
  <si>
    <t>ネオハイツ大須１２０５号室</t>
  </si>
  <si>
    <t>０５２－２３８－１９１０</t>
  </si>
  <si>
    <t>０５２－２３８－１９２０</t>
  </si>
  <si>
    <t>０５２－２１２－８５７０</t>
  </si>
  <si>
    <t>０５２－２６５－５７５２</t>
  </si>
  <si>
    <t>令和３年９月２８日</t>
  </si>
  <si>
    <t>２３７１２０３１４８</t>
  </si>
  <si>
    <t>４５７－００７２</t>
  </si>
  <si>
    <t>名古屋市南区寺部通３丁目８番地の１</t>
  </si>
  <si>
    <t>寺部通３丁目貸ビル３階</t>
  </si>
  <si>
    <t>０５２－８１９－４３３１</t>
  </si>
  <si>
    <t>０５０－３１５６－２９１４</t>
  </si>
  <si>
    <t>令和３年９月１４日</t>
  </si>
  <si>
    <t>株式会社ヤマシタ　
名古屋南営業所</t>
    <phoneticPr fontId="2"/>
  </si>
  <si>
    <t>２１７０１０５５６９</t>
  </si>
  <si>
    <t>５０１－０１１２</t>
  </si>
  <si>
    <t>岐阜県岐阜市鏡島精華一丁目６番１２号</t>
  </si>
  <si>
    <t>株式会社スマイリープ</t>
  </si>
  <si>
    <t>０５８－２５５－２５１０</t>
  </si>
  <si>
    <t>０５８－２５５－２５１１</t>
  </si>
  <si>
    <t>令和３年９月２９日</t>
  </si>
  <si>
    <t>名古屋市中区丸の内二丁目７番１９号</t>
    <rPh sb="16" eb="17">
      <t>ゴウ</t>
    </rPh>
    <phoneticPr fontId="2"/>
  </si>
  <si>
    <t>丸の内タナカビル２階</t>
    <rPh sb="0" eb="1">
      <t>マル</t>
    </rPh>
    <rPh sb="2" eb="3">
      <t>ウチ</t>
    </rPh>
    <rPh sb="9" eb="10">
      <t>カイ</t>
    </rPh>
    <phoneticPr fontId="2"/>
  </si>
  <si>
    <t>名古屋市介護保険福祉用具購入費受領委任払い制度取扱い事業者一覧（令和３年１０月１１日現在）</t>
    <rPh sb="0" eb="4">
      <t>ナゴヤシ</t>
    </rPh>
    <rPh sb="4" eb="6">
      <t>カイゴ</t>
    </rPh>
    <rPh sb="6" eb="8">
      <t>ホケン</t>
    </rPh>
    <rPh sb="8" eb="10">
      <t>フクシ</t>
    </rPh>
    <rPh sb="10" eb="12">
      <t>ヨウグ</t>
    </rPh>
    <rPh sb="12" eb="15">
      <t>コウニュウヒ</t>
    </rPh>
    <rPh sb="15" eb="17">
      <t>ジュリョウ</t>
    </rPh>
    <rPh sb="17" eb="19">
      <t>イニン</t>
    </rPh>
    <rPh sb="19" eb="20">
      <t>バラ</t>
    </rPh>
    <rPh sb="21" eb="23">
      <t>セイド</t>
    </rPh>
    <rPh sb="23" eb="25">
      <t>トリアツカ</t>
    </rPh>
    <rPh sb="26" eb="28">
      <t>ジギョウ</t>
    </rPh>
    <rPh sb="28" eb="29">
      <t>シャ</t>
    </rPh>
    <rPh sb="29" eb="31">
      <t>イチラン</t>
    </rPh>
    <rPh sb="32" eb="34">
      <t>レイワ</t>
    </rPh>
    <rPh sb="35" eb="36">
      <t>ネン</t>
    </rPh>
    <rPh sb="38" eb="39">
      <t>ガツ</t>
    </rPh>
    <rPh sb="41" eb="44">
      <t>ニチゲンザイ</t>
    </rPh>
    <rPh sb="42" eb="44">
      <t>ゲンザイ</t>
    </rPh>
    <phoneticPr fontId="2"/>
  </si>
  <si>
    <t>ケアサポートきらり</t>
  </si>
  <si>
    <t>４６３－００９８</t>
  </si>
  <si>
    <t>守山区川北町７６番地</t>
  </si>
  <si>
    <t>リバーサイド・愛２０５号室</t>
    <phoneticPr fontId="2"/>
  </si>
  <si>
    <t>０５２－７９９－４７６６</t>
  </si>
  <si>
    <t>０５２－７９９－４７７７</t>
  </si>
  <si>
    <t>令和３年１０月８日</t>
  </si>
  <si>
    <t>２３７１３０４３９１</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DBNum3][$-411]0"/>
    <numFmt numFmtId="177" formatCode="[$-411]ggge&quot;年&quot;m&quot;月&quot;d&quot;日&quot;;@"/>
  </numFmts>
  <fonts count="6" x14ac:knownFonts="1">
    <font>
      <sz val="11"/>
      <color theme="1"/>
      <name val="ＭＳ Ｐゴシック"/>
      <family val="2"/>
      <charset val="128"/>
      <scheme val="minor"/>
    </font>
    <font>
      <sz val="11"/>
      <color indexed="8"/>
      <name val="ＭＳ Ｐゴシック"/>
      <family val="3"/>
      <charset val="128"/>
    </font>
    <font>
      <sz val="6"/>
      <name val="ＭＳ Ｐゴシック"/>
      <family val="2"/>
      <charset val="128"/>
      <scheme val="minor"/>
    </font>
    <font>
      <sz val="12"/>
      <color theme="1"/>
      <name val="ＭＳ Ｐゴシック"/>
      <family val="2"/>
      <charset val="128"/>
      <scheme val="minor"/>
    </font>
    <font>
      <sz val="11"/>
      <color theme="1"/>
      <name val="ＭＳ Ｐゴシック"/>
      <family val="3"/>
      <charset val="128"/>
      <scheme val="minor"/>
    </font>
    <font>
      <sz val="11"/>
      <color rgb="FF000000"/>
      <name val="ＭＳ Ｐゴシック"/>
      <family val="3"/>
      <charset val="128"/>
      <scheme val="minor"/>
    </font>
  </fonts>
  <fills count="3">
    <fill>
      <patternFill patternType="none"/>
    </fill>
    <fill>
      <patternFill patternType="gray125"/>
    </fill>
    <fill>
      <patternFill patternType="solid">
        <fgColor indexed="22"/>
        <bgColor indexed="0"/>
      </patternFill>
    </fill>
  </fills>
  <borders count="8">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22"/>
      </left>
      <right style="thin">
        <color indexed="22"/>
      </right>
      <top style="thin">
        <color indexed="22"/>
      </top>
      <bottom style="thin">
        <color indexed="22"/>
      </bottom>
      <diagonal/>
    </border>
    <border>
      <left style="thin">
        <color indexed="22"/>
      </left>
      <right style="thin">
        <color indexed="22"/>
      </right>
      <top/>
      <bottom style="thin">
        <color indexed="22"/>
      </bottom>
      <diagonal/>
    </border>
    <border>
      <left style="thin">
        <color indexed="64"/>
      </left>
      <right style="thin">
        <color indexed="64"/>
      </right>
      <top/>
      <bottom/>
      <diagonal/>
    </border>
    <border>
      <left style="thin">
        <color rgb="FF808080"/>
      </left>
      <right style="thin">
        <color rgb="FF808080"/>
      </right>
      <top style="thin">
        <color rgb="FF808080"/>
      </top>
      <bottom style="thin">
        <color rgb="FF808080"/>
      </bottom>
      <diagonal/>
    </border>
    <border>
      <left style="thin">
        <color indexed="64"/>
      </left>
      <right style="thin">
        <color indexed="64"/>
      </right>
      <top style="thin">
        <color indexed="64"/>
      </top>
      <bottom/>
      <diagonal/>
    </border>
  </borders>
  <cellStyleXfs count="3">
    <xf numFmtId="0" fontId="0" fillId="0" borderId="0">
      <alignment vertical="center"/>
    </xf>
    <xf numFmtId="0" fontId="1" fillId="0" borderId="0"/>
    <xf numFmtId="0" fontId="1" fillId="0" borderId="0"/>
  </cellStyleXfs>
  <cellXfs count="26">
    <xf numFmtId="0" fontId="0" fillId="0" borderId="0" xfId="0">
      <alignment vertical="center"/>
    </xf>
    <xf numFmtId="0" fontId="0" fillId="0" borderId="0" xfId="0" applyAlignment="1">
      <alignment vertical="center"/>
    </xf>
    <xf numFmtId="0" fontId="0" fillId="0" borderId="0" xfId="0" applyAlignment="1">
      <alignment horizontal="center" vertical="center"/>
    </xf>
    <xf numFmtId="0" fontId="1" fillId="2" borderId="1" xfId="1" applyFont="1" applyFill="1" applyBorder="1" applyAlignment="1">
      <alignment horizontal="center" vertical="center"/>
    </xf>
    <xf numFmtId="0" fontId="1" fillId="0" borderId="3" xfId="2" applyFont="1" applyFill="1" applyBorder="1" applyAlignment="1">
      <alignment vertical="center" wrapText="1"/>
    </xf>
    <xf numFmtId="0" fontId="1" fillId="0" borderId="3" xfId="2" applyFont="1" applyFill="1" applyBorder="1" applyAlignment="1">
      <alignment horizontal="center" vertical="center" wrapText="1"/>
    </xf>
    <xf numFmtId="0" fontId="0" fillId="0" borderId="1" xfId="0" applyBorder="1" applyAlignment="1">
      <alignment vertical="center" wrapText="1"/>
    </xf>
    <xf numFmtId="0" fontId="1" fillId="0" borderId="4" xfId="2" applyFont="1" applyFill="1" applyBorder="1" applyAlignment="1">
      <alignment horizontal="center" vertical="center" wrapText="1"/>
    </xf>
    <xf numFmtId="0" fontId="1" fillId="0" borderId="4" xfId="2" applyFont="1" applyFill="1" applyBorder="1" applyAlignment="1">
      <alignment vertical="center" wrapText="1"/>
    </xf>
    <xf numFmtId="0" fontId="1" fillId="0" borderId="1" xfId="2" applyFont="1" applyFill="1" applyBorder="1" applyAlignment="1">
      <alignment horizontal="center" vertical="center" wrapText="1"/>
    </xf>
    <xf numFmtId="0" fontId="1" fillId="0" borderId="1" xfId="2" applyFont="1" applyFill="1" applyBorder="1" applyAlignment="1">
      <alignment vertical="center" wrapText="1"/>
    </xf>
    <xf numFmtId="176" fontId="0" fillId="0" borderId="1" xfId="0" applyNumberFormat="1" applyBorder="1" applyAlignment="1">
      <alignment horizontal="left" vertical="center" wrapText="1"/>
    </xf>
    <xf numFmtId="58" fontId="0" fillId="0" borderId="1" xfId="0" applyNumberFormat="1" applyBorder="1" applyAlignment="1">
      <alignment horizontal="left" vertical="center" wrapText="1"/>
    </xf>
    <xf numFmtId="177" fontId="0" fillId="0" borderId="1" xfId="0" applyNumberFormat="1" applyBorder="1" applyAlignment="1">
      <alignment horizontal="left" vertical="center" wrapText="1"/>
    </xf>
    <xf numFmtId="176" fontId="1" fillId="0" borderId="1" xfId="2" applyNumberFormat="1" applyFont="1" applyFill="1" applyBorder="1" applyAlignment="1">
      <alignment horizontal="left" vertical="center" wrapText="1"/>
    </xf>
    <xf numFmtId="177" fontId="1" fillId="0" borderId="1" xfId="2" applyNumberFormat="1" applyFont="1" applyFill="1" applyBorder="1" applyAlignment="1">
      <alignment horizontal="left" vertical="center" wrapText="1"/>
    </xf>
    <xf numFmtId="0" fontId="0" fillId="0" borderId="1" xfId="0" applyBorder="1" applyAlignment="1">
      <alignment vertical="center"/>
    </xf>
    <xf numFmtId="0" fontId="0" fillId="0" borderId="1" xfId="0" applyBorder="1" applyAlignment="1">
      <alignment horizontal="left" vertical="center"/>
    </xf>
    <xf numFmtId="0" fontId="0" fillId="0" borderId="5" xfId="0" applyFill="1" applyBorder="1" applyAlignment="1">
      <alignment vertical="center" wrapText="1"/>
    </xf>
    <xf numFmtId="0" fontId="5" fillId="0" borderId="6" xfId="0" applyFont="1" applyFill="1" applyBorder="1" applyAlignment="1" applyProtection="1">
      <alignment vertical="center" wrapText="1"/>
    </xf>
    <xf numFmtId="0" fontId="5" fillId="0" borderId="1" xfId="0" applyFont="1" applyFill="1" applyBorder="1" applyAlignment="1" applyProtection="1">
      <alignment vertical="center" wrapText="1"/>
    </xf>
    <xf numFmtId="0" fontId="5" fillId="0" borderId="7" xfId="0" applyFont="1" applyFill="1" applyBorder="1" applyAlignment="1" applyProtection="1">
      <alignment vertical="center" wrapText="1"/>
    </xf>
    <xf numFmtId="49" fontId="0" fillId="0" borderId="1" xfId="0" applyNumberFormat="1" applyFont="1" applyBorder="1" applyAlignment="1">
      <alignment horizontal="left" vertical="center"/>
    </xf>
    <xf numFmtId="0" fontId="3" fillId="0" borderId="2" xfId="0" applyFont="1" applyBorder="1" applyAlignment="1">
      <alignment horizontal="left" vertical="center"/>
    </xf>
    <xf numFmtId="0" fontId="0" fillId="0" borderId="2" xfId="0" applyFont="1" applyBorder="1" applyAlignment="1">
      <alignment horizontal="right" vertical="center"/>
    </xf>
    <xf numFmtId="0" fontId="4" fillId="0" borderId="2" xfId="0" applyFont="1" applyBorder="1" applyAlignment="1">
      <alignment horizontal="right" vertical="center"/>
    </xf>
  </cellXfs>
  <cellStyles count="3">
    <cellStyle name="標準" xfId="0" builtinId="0"/>
    <cellStyle name="標準_Sheet1" xfId="1"/>
    <cellStyle name="標準_Sheet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434"/>
  <sheetViews>
    <sheetView tabSelected="1" zoomScaleNormal="100" workbookViewId="0">
      <pane xSplit="8" ySplit="2" topLeftCell="I3" activePane="bottomRight" state="frozen"/>
      <selection pane="topRight" activeCell="I1" sqref="I1"/>
      <selection pane="bottomLeft" activeCell="A3" sqref="A3"/>
      <selection pane="bottomRight" activeCell="B136" sqref="B136"/>
    </sheetView>
  </sheetViews>
  <sheetFormatPr defaultRowHeight="13.5" x14ac:dyDescent="0.15"/>
  <cols>
    <col min="1" max="1" width="5.625" style="2" customWidth="1"/>
    <col min="2" max="2" width="14.625" style="1" customWidth="1"/>
    <col min="3" max="3" width="20.625" style="1" customWidth="1"/>
    <col min="4" max="4" width="12.625" style="2" customWidth="1"/>
    <col min="5" max="5" width="33.875" style="1" bestFit="1" customWidth="1"/>
    <col min="6" max="6" width="12.625" style="1" customWidth="1"/>
    <col min="7" max="8" width="18.625" style="2" customWidth="1"/>
    <col min="9" max="9" width="18.625" style="1" customWidth="1"/>
    <col min="10" max="16384" width="9" style="1"/>
  </cols>
  <sheetData>
    <row r="1" spans="1:9" ht="24" customHeight="1" x14ac:dyDescent="0.15">
      <c r="A1" s="23" t="s">
        <v>1815</v>
      </c>
      <c r="B1" s="23"/>
      <c r="C1" s="23"/>
      <c r="D1" s="23"/>
      <c r="E1" s="23"/>
      <c r="F1" s="23"/>
      <c r="G1" s="23"/>
      <c r="H1" s="24" t="s">
        <v>1098</v>
      </c>
      <c r="I1" s="25"/>
    </row>
    <row r="2" spans="1:9" ht="24" customHeight="1" x14ac:dyDescent="0.15">
      <c r="A2" s="3" t="s">
        <v>0</v>
      </c>
      <c r="B2" s="3" t="s">
        <v>1</v>
      </c>
      <c r="C2" s="3" t="s">
        <v>2</v>
      </c>
      <c r="D2" s="3" t="s">
        <v>1092</v>
      </c>
      <c r="E2" s="3" t="s">
        <v>1094</v>
      </c>
      <c r="F2" s="3" t="s">
        <v>1093</v>
      </c>
      <c r="G2" s="3" t="s">
        <v>1095</v>
      </c>
      <c r="H2" s="3" t="s">
        <v>1096</v>
      </c>
      <c r="I2" s="3" t="s">
        <v>1097</v>
      </c>
    </row>
    <row r="3" spans="1:9" ht="45" customHeight="1" x14ac:dyDescent="0.15">
      <c r="A3" s="6" t="s">
        <v>1075</v>
      </c>
      <c r="B3" s="6" t="s">
        <v>1099</v>
      </c>
      <c r="C3" s="6" t="s">
        <v>1100</v>
      </c>
      <c r="D3" s="6" t="s">
        <v>1101</v>
      </c>
      <c r="E3" s="6" t="s">
        <v>1102</v>
      </c>
      <c r="F3" s="6" t="s">
        <v>1103</v>
      </c>
      <c r="G3" s="6" t="s">
        <v>1104</v>
      </c>
      <c r="H3" s="6" t="s">
        <v>1105</v>
      </c>
      <c r="I3" s="6" t="s">
        <v>1106</v>
      </c>
    </row>
    <row r="4" spans="1:9" ht="45" customHeight="1" x14ac:dyDescent="0.15">
      <c r="A4" s="6" t="s">
        <v>1075</v>
      </c>
      <c r="B4" s="6" t="s">
        <v>865</v>
      </c>
      <c r="C4" s="6" t="s">
        <v>868</v>
      </c>
      <c r="D4" s="6" t="s">
        <v>866</v>
      </c>
      <c r="E4" s="6" t="s">
        <v>867</v>
      </c>
      <c r="F4" s="6"/>
      <c r="G4" s="6" t="s">
        <v>869</v>
      </c>
      <c r="H4" s="6" t="s">
        <v>870</v>
      </c>
      <c r="I4" s="6" t="s">
        <v>4</v>
      </c>
    </row>
    <row r="5" spans="1:9" ht="45" customHeight="1" x14ac:dyDescent="0.15">
      <c r="A5" s="6" t="s">
        <v>1075</v>
      </c>
      <c r="B5" s="6" t="s">
        <v>931</v>
      </c>
      <c r="C5" s="6" t="s">
        <v>932</v>
      </c>
      <c r="D5" s="6" t="s">
        <v>933</v>
      </c>
      <c r="E5" s="6" t="s">
        <v>934</v>
      </c>
      <c r="F5" s="6"/>
      <c r="G5" s="6" t="s">
        <v>935</v>
      </c>
      <c r="H5" s="6" t="s">
        <v>936</v>
      </c>
      <c r="I5" s="6" t="s">
        <v>4</v>
      </c>
    </row>
    <row r="6" spans="1:9" ht="45" customHeight="1" x14ac:dyDescent="0.15">
      <c r="A6" s="6" t="s">
        <v>1075</v>
      </c>
      <c r="B6" s="6" t="s">
        <v>1035</v>
      </c>
      <c r="C6" s="6" t="s">
        <v>1036</v>
      </c>
      <c r="D6" s="6" t="s">
        <v>1037</v>
      </c>
      <c r="E6" s="6" t="s">
        <v>1038</v>
      </c>
      <c r="F6" s="6"/>
      <c r="G6" s="6" t="s">
        <v>1039</v>
      </c>
      <c r="H6" s="6" t="s">
        <v>1040</v>
      </c>
      <c r="I6" s="6" t="s">
        <v>4</v>
      </c>
    </row>
    <row r="7" spans="1:9" ht="45" customHeight="1" x14ac:dyDescent="0.15">
      <c r="A7" s="6" t="s">
        <v>1075</v>
      </c>
      <c r="B7" s="6" t="s">
        <v>1164</v>
      </c>
      <c r="C7" s="6" t="s">
        <v>1523</v>
      </c>
      <c r="D7" s="6" t="s">
        <v>1165</v>
      </c>
      <c r="E7" s="6" t="s">
        <v>1166</v>
      </c>
      <c r="F7" s="6" t="s">
        <v>1167</v>
      </c>
      <c r="G7" s="6" t="s">
        <v>1168</v>
      </c>
      <c r="H7" s="6" t="s">
        <v>1369</v>
      </c>
      <c r="I7" s="6" t="s">
        <v>1370</v>
      </c>
    </row>
    <row r="8" spans="1:9" ht="45" customHeight="1" x14ac:dyDescent="0.15">
      <c r="A8" s="6" t="s">
        <v>1766</v>
      </c>
      <c r="B8" s="6" t="s">
        <v>1767</v>
      </c>
      <c r="C8" s="19" t="s">
        <v>1768</v>
      </c>
      <c r="D8" s="6" t="s">
        <v>1769</v>
      </c>
      <c r="E8" s="6" t="s">
        <v>1770</v>
      </c>
      <c r="F8" s="6"/>
      <c r="G8" s="6" t="s">
        <v>1771</v>
      </c>
      <c r="H8" s="6" t="s">
        <v>1772</v>
      </c>
      <c r="I8" s="12">
        <v>44386</v>
      </c>
    </row>
    <row r="9" spans="1:9" ht="45" customHeight="1" x14ac:dyDescent="0.15">
      <c r="A9" s="6" t="s">
        <v>1076</v>
      </c>
      <c r="B9" s="6" t="s">
        <v>86</v>
      </c>
      <c r="C9" s="6" t="s">
        <v>87</v>
      </c>
      <c r="D9" s="6" t="s">
        <v>88</v>
      </c>
      <c r="E9" s="6" t="s">
        <v>89</v>
      </c>
      <c r="F9" s="6"/>
      <c r="G9" s="6" t="s">
        <v>90</v>
      </c>
      <c r="H9" s="6" t="s">
        <v>91</v>
      </c>
      <c r="I9" s="6" t="s">
        <v>4</v>
      </c>
    </row>
    <row r="10" spans="1:9" ht="45" customHeight="1" x14ac:dyDescent="0.15">
      <c r="A10" s="6" t="s">
        <v>1076</v>
      </c>
      <c r="B10" s="6" t="s">
        <v>133</v>
      </c>
      <c r="C10" s="6" t="s">
        <v>135</v>
      </c>
      <c r="D10" s="6" t="s">
        <v>134</v>
      </c>
      <c r="E10" s="6" t="s">
        <v>136</v>
      </c>
      <c r="F10" s="6"/>
      <c r="G10" s="6" t="s">
        <v>137</v>
      </c>
      <c r="H10" s="6" t="s">
        <v>138</v>
      </c>
      <c r="I10" s="6" t="s">
        <v>4</v>
      </c>
    </row>
    <row r="11" spans="1:9" ht="45" customHeight="1" x14ac:dyDescent="0.15">
      <c r="A11" s="6" t="s">
        <v>1076</v>
      </c>
      <c r="B11" s="6" t="s">
        <v>1070</v>
      </c>
      <c r="C11" s="6" t="s">
        <v>1171</v>
      </c>
      <c r="D11" s="6" t="s">
        <v>1071</v>
      </c>
      <c r="E11" s="6" t="s">
        <v>1072</v>
      </c>
      <c r="F11" s="6"/>
      <c r="G11" s="6" t="s">
        <v>1073</v>
      </c>
      <c r="H11" s="6" t="s">
        <v>1074</v>
      </c>
      <c r="I11" s="6" t="s">
        <v>4</v>
      </c>
    </row>
    <row r="12" spans="1:9" ht="45" customHeight="1" x14ac:dyDescent="0.15">
      <c r="A12" s="6" t="s">
        <v>1076</v>
      </c>
      <c r="B12" s="6" t="s">
        <v>1172</v>
      </c>
      <c r="C12" s="6" t="s">
        <v>1173</v>
      </c>
      <c r="D12" s="6" t="s">
        <v>1174</v>
      </c>
      <c r="E12" s="6" t="s">
        <v>1175</v>
      </c>
      <c r="F12" s="6"/>
      <c r="G12" s="6" t="s">
        <v>1176</v>
      </c>
      <c r="H12" s="6" t="s">
        <v>1371</v>
      </c>
      <c r="I12" s="6" t="s">
        <v>1372</v>
      </c>
    </row>
    <row r="13" spans="1:9" ht="45" customHeight="1" x14ac:dyDescent="0.15">
      <c r="A13" s="6" t="s">
        <v>1076</v>
      </c>
      <c r="B13" s="6" t="s">
        <v>1177</v>
      </c>
      <c r="C13" s="6" t="s">
        <v>1178</v>
      </c>
      <c r="D13" s="6" t="s">
        <v>1179</v>
      </c>
      <c r="E13" s="6" t="s">
        <v>1180</v>
      </c>
      <c r="F13" s="6"/>
      <c r="G13" s="6" t="s">
        <v>1181</v>
      </c>
      <c r="H13" s="6"/>
      <c r="I13" s="6" t="s">
        <v>1373</v>
      </c>
    </row>
    <row r="14" spans="1:9" ht="45" customHeight="1" x14ac:dyDescent="0.15">
      <c r="A14" s="6" t="s">
        <v>1077</v>
      </c>
      <c r="B14" s="6" t="s">
        <v>176</v>
      </c>
      <c r="C14" s="6" t="s">
        <v>177</v>
      </c>
      <c r="D14" s="6" t="s">
        <v>178</v>
      </c>
      <c r="E14" s="6" t="s">
        <v>179</v>
      </c>
      <c r="F14" s="6"/>
      <c r="G14" s="6" t="s">
        <v>180</v>
      </c>
      <c r="H14" s="6" t="s">
        <v>181</v>
      </c>
      <c r="I14" s="6" t="s">
        <v>4</v>
      </c>
    </row>
    <row r="15" spans="1:9" ht="45" customHeight="1" x14ac:dyDescent="0.15">
      <c r="A15" s="6" t="s">
        <v>1077</v>
      </c>
      <c r="B15" s="6" t="s">
        <v>242</v>
      </c>
      <c r="C15" s="6" t="s">
        <v>245</v>
      </c>
      <c r="D15" s="6" t="s">
        <v>243</v>
      </c>
      <c r="E15" s="6" t="s">
        <v>244</v>
      </c>
      <c r="F15" s="6"/>
      <c r="G15" s="6" t="s">
        <v>246</v>
      </c>
      <c r="H15" s="6" t="s">
        <v>247</v>
      </c>
      <c r="I15" s="6" t="s">
        <v>4</v>
      </c>
    </row>
    <row r="16" spans="1:9" ht="45" customHeight="1" x14ac:dyDescent="0.15">
      <c r="A16" s="6" t="s">
        <v>1077</v>
      </c>
      <c r="B16" s="6" t="s">
        <v>303</v>
      </c>
      <c r="C16" s="6" t="s">
        <v>306</v>
      </c>
      <c r="D16" s="6" t="s">
        <v>304</v>
      </c>
      <c r="E16" s="6" t="s">
        <v>305</v>
      </c>
      <c r="F16" s="6" t="s">
        <v>307</v>
      </c>
      <c r="G16" s="6" t="s">
        <v>308</v>
      </c>
      <c r="H16" s="6" t="s">
        <v>309</v>
      </c>
      <c r="I16" s="6" t="s">
        <v>4</v>
      </c>
    </row>
    <row r="17" spans="1:9" ht="45" customHeight="1" x14ac:dyDescent="0.15">
      <c r="A17" s="6" t="s">
        <v>1077</v>
      </c>
      <c r="B17" s="6" t="s">
        <v>361</v>
      </c>
      <c r="C17" s="6" t="s">
        <v>364</v>
      </c>
      <c r="D17" s="6" t="s">
        <v>362</v>
      </c>
      <c r="E17" s="6" t="s">
        <v>363</v>
      </c>
      <c r="F17" s="6"/>
      <c r="G17" s="6" t="s">
        <v>365</v>
      </c>
      <c r="H17" s="6" t="s">
        <v>366</v>
      </c>
      <c r="I17" s="6" t="s">
        <v>4</v>
      </c>
    </row>
    <row r="18" spans="1:9" ht="45" customHeight="1" x14ac:dyDescent="0.15">
      <c r="A18" s="6" t="s">
        <v>1077</v>
      </c>
      <c r="B18" s="6" t="s">
        <v>416</v>
      </c>
      <c r="C18" s="6" t="s">
        <v>419</v>
      </c>
      <c r="D18" s="6" t="s">
        <v>417</v>
      </c>
      <c r="E18" s="6" t="s">
        <v>418</v>
      </c>
      <c r="F18" s="6"/>
      <c r="G18" s="6" t="s">
        <v>420</v>
      </c>
      <c r="H18" s="6" t="s">
        <v>421</v>
      </c>
      <c r="I18" s="6" t="s">
        <v>4</v>
      </c>
    </row>
    <row r="19" spans="1:9" ht="45" customHeight="1" x14ac:dyDescent="0.15">
      <c r="A19" s="6" t="s">
        <v>1077</v>
      </c>
      <c r="B19" s="6" t="s">
        <v>467</v>
      </c>
      <c r="C19" s="6" t="s">
        <v>470</v>
      </c>
      <c r="D19" s="6" t="s">
        <v>468</v>
      </c>
      <c r="E19" s="6" t="s">
        <v>469</v>
      </c>
      <c r="F19" s="6"/>
      <c r="G19" s="6" t="s">
        <v>471</v>
      </c>
      <c r="H19" s="6" t="s">
        <v>472</v>
      </c>
      <c r="I19" s="6" t="s">
        <v>4</v>
      </c>
    </row>
    <row r="20" spans="1:9" ht="45" customHeight="1" x14ac:dyDescent="0.15">
      <c r="A20" s="6" t="s">
        <v>1077</v>
      </c>
      <c r="B20" s="6" t="s">
        <v>557</v>
      </c>
      <c r="C20" s="6" t="s">
        <v>560</v>
      </c>
      <c r="D20" s="6" t="s">
        <v>558</v>
      </c>
      <c r="E20" s="6" t="s">
        <v>559</v>
      </c>
      <c r="F20" s="6"/>
      <c r="G20" s="6" t="s">
        <v>561</v>
      </c>
      <c r="H20" s="6" t="s">
        <v>562</v>
      </c>
      <c r="I20" s="6" t="s">
        <v>4</v>
      </c>
    </row>
    <row r="21" spans="1:9" ht="45" customHeight="1" x14ac:dyDescent="0.15">
      <c r="A21" s="6" t="s">
        <v>1077</v>
      </c>
      <c r="B21" s="6" t="s">
        <v>605</v>
      </c>
      <c r="C21" s="6" t="s">
        <v>608</v>
      </c>
      <c r="D21" s="6" t="s">
        <v>606</v>
      </c>
      <c r="E21" s="6" t="s">
        <v>607</v>
      </c>
      <c r="F21" s="6"/>
      <c r="G21" s="6" t="s">
        <v>609</v>
      </c>
      <c r="H21" s="6" t="s">
        <v>610</v>
      </c>
      <c r="I21" s="6" t="s">
        <v>4</v>
      </c>
    </row>
    <row r="22" spans="1:9" ht="45" customHeight="1" x14ac:dyDescent="0.15">
      <c r="A22" s="6" t="s">
        <v>1077</v>
      </c>
      <c r="B22" s="6" t="s">
        <v>646</v>
      </c>
      <c r="C22" s="6" t="s">
        <v>648</v>
      </c>
      <c r="D22" s="6" t="s">
        <v>304</v>
      </c>
      <c r="E22" s="6" t="s">
        <v>647</v>
      </c>
      <c r="F22" s="6"/>
      <c r="G22" s="6" t="s">
        <v>649</v>
      </c>
      <c r="H22" s="6" t="s">
        <v>650</v>
      </c>
      <c r="I22" s="6" t="s">
        <v>4</v>
      </c>
    </row>
    <row r="23" spans="1:9" ht="45" customHeight="1" x14ac:dyDescent="0.15">
      <c r="A23" s="6" t="s">
        <v>1077</v>
      </c>
      <c r="B23" s="6" t="s">
        <v>657</v>
      </c>
      <c r="C23" s="6" t="s">
        <v>660</v>
      </c>
      <c r="D23" s="6" t="s">
        <v>658</v>
      </c>
      <c r="E23" s="6" t="s">
        <v>659</v>
      </c>
      <c r="F23" s="6"/>
      <c r="G23" s="6" t="s">
        <v>661</v>
      </c>
      <c r="H23" s="6" t="s">
        <v>662</v>
      </c>
      <c r="I23" s="6" t="s">
        <v>4</v>
      </c>
    </row>
    <row r="24" spans="1:9" ht="45" customHeight="1" x14ac:dyDescent="0.15">
      <c r="A24" s="6" t="s">
        <v>1077</v>
      </c>
      <c r="B24" s="6" t="s">
        <v>663</v>
      </c>
      <c r="C24" s="6" t="s">
        <v>664</v>
      </c>
      <c r="D24" s="6" t="s">
        <v>665</v>
      </c>
      <c r="E24" s="6" t="s">
        <v>666</v>
      </c>
      <c r="F24" s="6" t="s">
        <v>667</v>
      </c>
      <c r="G24" s="6" t="s">
        <v>668</v>
      </c>
      <c r="H24" s="6" t="s">
        <v>669</v>
      </c>
      <c r="I24" s="6" t="s">
        <v>4</v>
      </c>
    </row>
    <row r="25" spans="1:9" ht="45" customHeight="1" x14ac:dyDescent="0.15">
      <c r="A25" s="6" t="s">
        <v>1077</v>
      </c>
      <c r="B25" s="6" t="s">
        <v>1182</v>
      </c>
      <c r="C25" s="6" t="s">
        <v>1183</v>
      </c>
      <c r="D25" s="6" t="s">
        <v>1184</v>
      </c>
      <c r="E25" s="6" t="s">
        <v>1185</v>
      </c>
      <c r="F25" s="6"/>
      <c r="G25" s="6" t="s">
        <v>1186</v>
      </c>
      <c r="H25" s="6" t="s">
        <v>1374</v>
      </c>
      <c r="I25" s="6" t="s">
        <v>1375</v>
      </c>
    </row>
    <row r="26" spans="1:9" ht="45" customHeight="1" x14ac:dyDescent="0.15">
      <c r="A26" s="6" t="s">
        <v>1077</v>
      </c>
      <c r="B26" s="6" t="s">
        <v>1187</v>
      </c>
      <c r="C26" s="6" t="s">
        <v>1188</v>
      </c>
      <c r="D26" s="6" t="s">
        <v>1189</v>
      </c>
      <c r="E26" s="6" t="s">
        <v>1190</v>
      </c>
      <c r="F26" s="6" t="s">
        <v>1191</v>
      </c>
      <c r="G26" s="6" t="s">
        <v>1192</v>
      </c>
      <c r="H26" s="6" t="s">
        <v>1376</v>
      </c>
      <c r="I26" s="6" t="s">
        <v>1377</v>
      </c>
    </row>
    <row r="27" spans="1:9" ht="45" customHeight="1" x14ac:dyDescent="0.15">
      <c r="A27" s="6" t="s">
        <v>1077</v>
      </c>
      <c r="B27" s="6" t="s">
        <v>1432</v>
      </c>
      <c r="C27" s="6" t="s">
        <v>1433</v>
      </c>
      <c r="D27" s="6" t="s">
        <v>1434</v>
      </c>
      <c r="E27" s="6" t="s">
        <v>1435</v>
      </c>
      <c r="F27" s="6"/>
      <c r="G27" s="6" t="s">
        <v>1436</v>
      </c>
      <c r="H27" s="6" t="s">
        <v>1437</v>
      </c>
      <c r="I27" s="6" t="s">
        <v>1438</v>
      </c>
    </row>
    <row r="28" spans="1:9" ht="45" customHeight="1" x14ac:dyDescent="0.15">
      <c r="A28" s="6" t="s">
        <v>1077</v>
      </c>
      <c r="B28" s="6" t="s">
        <v>1524</v>
      </c>
      <c r="C28" s="6" t="s">
        <v>1525</v>
      </c>
      <c r="D28" s="6" t="s">
        <v>1184</v>
      </c>
      <c r="E28" s="6" t="s">
        <v>1526</v>
      </c>
      <c r="F28" s="6" t="s">
        <v>1527</v>
      </c>
      <c r="G28" s="6" t="s">
        <v>1528</v>
      </c>
      <c r="H28" s="6" t="s">
        <v>1529</v>
      </c>
      <c r="I28" s="6" t="s">
        <v>1530</v>
      </c>
    </row>
    <row r="29" spans="1:9" ht="45" customHeight="1" x14ac:dyDescent="0.15">
      <c r="A29" s="6" t="s">
        <v>1693</v>
      </c>
      <c r="B29" s="11">
        <v>2370304483</v>
      </c>
      <c r="C29" s="16" t="s">
        <v>1695</v>
      </c>
      <c r="D29" s="16" t="s">
        <v>1697</v>
      </c>
      <c r="E29" s="6" t="s">
        <v>1698</v>
      </c>
      <c r="F29" s="6"/>
      <c r="G29" s="16" t="s">
        <v>1701</v>
      </c>
      <c r="H29" s="17" t="s">
        <v>1703</v>
      </c>
      <c r="I29" s="17" t="s">
        <v>1705</v>
      </c>
    </row>
    <row r="30" spans="1:9" ht="45" customHeight="1" x14ac:dyDescent="0.15">
      <c r="A30" s="6" t="s">
        <v>1694</v>
      </c>
      <c r="B30" s="11">
        <v>2370304491</v>
      </c>
      <c r="C30" s="6" t="s">
        <v>1696</v>
      </c>
      <c r="D30" s="16" t="s">
        <v>1699</v>
      </c>
      <c r="E30" s="16" t="s">
        <v>1700</v>
      </c>
      <c r="F30" s="6"/>
      <c r="G30" s="16" t="s">
        <v>1702</v>
      </c>
      <c r="H30" s="17" t="s">
        <v>1704</v>
      </c>
      <c r="I30" s="17" t="s">
        <v>1705</v>
      </c>
    </row>
    <row r="31" spans="1:9" ht="45" customHeight="1" x14ac:dyDescent="0.15">
      <c r="A31" s="6" t="s">
        <v>1693</v>
      </c>
      <c r="B31" s="11">
        <v>2370304699</v>
      </c>
      <c r="C31" s="6" t="s">
        <v>691</v>
      </c>
      <c r="D31" s="16" t="s">
        <v>1773</v>
      </c>
      <c r="E31" s="16" t="s">
        <v>1774</v>
      </c>
      <c r="F31" s="6"/>
      <c r="G31" s="21" t="s">
        <v>1775</v>
      </c>
      <c r="H31" s="20" t="s">
        <v>1776</v>
      </c>
      <c r="I31" s="20" t="s">
        <v>1777</v>
      </c>
    </row>
    <row r="32" spans="1:9" ht="45" customHeight="1" x14ac:dyDescent="0.15">
      <c r="A32" s="6" t="s">
        <v>1693</v>
      </c>
      <c r="B32" s="11">
        <v>2370304707</v>
      </c>
      <c r="C32" s="6" t="s">
        <v>1778</v>
      </c>
      <c r="D32" s="16" t="s">
        <v>1779</v>
      </c>
      <c r="E32" s="16" t="s">
        <v>1780</v>
      </c>
      <c r="F32" s="6" t="s">
        <v>1781</v>
      </c>
      <c r="G32" s="20" t="s">
        <v>1782</v>
      </c>
      <c r="H32" s="20" t="s">
        <v>1783</v>
      </c>
      <c r="I32" s="19" t="s">
        <v>1784</v>
      </c>
    </row>
    <row r="33" spans="1:9" ht="45" customHeight="1" x14ac:dyDescent="0.15">
      <c r="A33" s="6" t="s">
        <v>1078</v>
      </c>
      <c r="B33" s="6" t="s">
        <v>674</v>
      </c>
      <c r="C33" s="6" t="s">
        <v>677</v>
      </c>
      <c r="D33" s="6" t="s">
        <v>675</v>
      </c>
      <c r="E33" s="6" t="s">
        <v>676</v>
      </c>
      <c r="F33" s="6"/>
      <c r="G33" s="6" t="s">
        <v>678</v>
      </c>
      <c r="H33" s="6" t="s">
        <v>679</v>
      </c>
      <c r="I33" s="6" t="s">
        <v>4</v>
      </c>
    </row>
    <row r="34" spans="1:9" ht="45" customHeight="1" x14ac:dyDescent="0.15">
      <c r="A34" s="6" t="s">
        <v>1078</v>
      </c>
      <c r="B34" s="6" t="s">
        <v>680</v>
      </c>
      <c r="C34" s="6" t="s">
        <v>683</v>
      </c>
      <c r="D34" s="6" t="s">
        <v>681</v>
      </c>
      <c r="E34" s="6" t="s">
        <v>682</v>
      </c>
      <c r="F34" s="6"/>
      <c r="G34" s="6" t="s">
        <v>684</v>
      </c>
      <c r="H34" s="6" t="s">
        <v>685</v>
      </c>
      <c r="I34" s="6" t="s">
        <v>4</v>
      </c>
    </row>
    <row r="35" spans="1:9" ht="45" customHeight="1" x14ac:dyDescent="0.15">
      <c r="A35" s="6" t="s">
        <v>1078</v>
      </c>
      <c r="B35" s="6" t="s">
        <v>686</v>
      </c>
      <c r="C35" s="6" t="s">
        <v>687</v>
      </c>
      <c r="D35" s="6" t="s">
        <v>675</v>
      </c>
      <c r="E35" s="6" t="s">
        <v>688</v>
      </c>
      <c r="F35" s="6"/>
      <c r="G35" s="6" t="s">
        <v>689</v>
      </c>
      <c r="H35" s="6" t="s">
        <v>690</v>
      </c>
      <c r="I35" s="6" t="s">
        <v>4</v>
      </c>
    </row>
    <row r="36" spans="1:9" ht="45" customHeight="1" x14ac:dyDescent="0.15">
      <c r="A36" s="6" t="s">
        <v>1078</v>
      </c>
      <c r="B36" s="6" t="s">
        <v>692</v>
      </c>
      <c r="C36" s="6" t="s">
        <v>695</v>
      </c>
      <c r="D36" s="6" t="s">
        <v>693</v>
      </c>
      <c r="E36" s="6" t="s">
        <v>694</v>
      </c>
      <c r="F36" s="6"/>
      <c r="G36" s="6" t="s">
        <v>696</v>
      </c>
      <c r="H36" s="6" t="s">
        <v>697</v>
      </c>
      <c r="I36" s="6" t="s">
        <v>4</v>
      </c>
    </row>
    <row r="37" spans="1:9" ht="45" customHeight="1" x14ac:dyDescent="0.15">
      <c r="A37" s="6" t="s">
        <v>1078</v>
      </c>
      <c r="B37" s="6" t="s">
        <v>698</v>
      </c>
      <c r="C37" s="6" t="s">
        <v>700</v>
      </c>
      <c r="D37" s="6" t="s">
        <v>675</v>
      </c>
      <c r="E37" s="6" t="s">
        <v>699</v>
      </c>
      <c r="F37" s="6"/>
      <c r="G37" s="6" t="s">
        <v>701</v>
      </c>
      <c r="H37" s="6" t="s">
        <v>702</v>
      </c>
      <c r="I37" s="6" t="s">
        <v>4</v>
      </c>
    </row>
    <row r="38" spans="1:9" ht="45" customHeight="1" x14ac:dyDescent="0.15">
      <c r="A38" s="6" t="s">
        <v>1078</v>
      </c>
      <c r="B38" s="6" t="s">
        <v>703</v>
      </c>
      <c r="C38" s="6" t="s">
        <v>704</v>
      </c>
      <c r="D38" s="6" t="s">
        <v>705</v>
      </c>
      <c r="E38" s="6" t="s">
        <v>706</v>
      </c>
      <c r="F38" s="6"/>
      <c r="G38" s="6" t="s">
        <v>707</v>
      </c>
      <c r="H38" s="6" t="s">
        <v>708</v>
      </c>
      <c r="I38" s="6" t="s">
        <v>4</v>
      </c>
    </row>
    <row r="39" spans="1:9" ht="45" customHeight="1" x14ac:dyDescent="0.15">
      <c r="A39" s="6" t="s">
        <v>1078</v>
      </c>
      <c r="B39" s="6" t="s">
        <v>709</v>
      </c>
      <c r="C39" s="6" t="s">
        <v>712</v>
      </c>
      <c r="D39" s="6" t="s">
        <v>710</v>
      </c>
      <c r="E39" s="6" t="s">
        <v>711</v>
      </c>
      <c r="F39" s="6"/>
      <c r="G39" s="6" t="s">
        <v>713</v>
      </c>
      <c r="H39" s="6" t="s">
        <v>714</v>
      </c>
      <c r="I39" s="6" t="s">
        <v>4</v>
      </c>
    </row>
    <row r="40" spans="1:9" ht="45" customHeight="1" x14ac:dyDescent="0.15">
      <c r="A40" s="6" t="s">
        <v>1078</v>
      </c>
      <c r="B40" s="6" t="s">
        <v>715</v>
      </c>
      <c r="C40" s="6" t="s">
        <v>716</v>
      </c>
      <c r="D40" s="6" t="s">
        <v>717</v>
      </c>
      <c r="E40" s="6" t="s">
        <v>1685</v>
      </c>
      <c r="F40" s="6" t="s">
        <v>1686</v>
      </c>
      <c r="G40" s="6" t="s">
        <v>718</v>
      </c>
      <c r="H40" s="6" t="s">
        <v>719</v>
      </c>
      <c r="I40" s="6" t="s">
        <v>4</v>
      </c>
    </row>
    <row r="41" spans="1:9" ht="45" customHeight="1" x14ac:dyDescent="0.15">
      <c r="A41" s="6" t="s">
        <v>1078</v>
      </c>
      <c r="B41" s="6" t="s">
        <v>721</v>
      </c>
      <c r="C41" s="6" t="s">
        <v>722</v>
      </c>
      <c r="D41" s="6" t="s">
        <v>723</v>
      </c>
      <c r="E41" s="6" t="s">
        <v>724</v>
      </c>
      <c r="F41" s="6" t="s">
        <v>725</v>
      </c>
      <c r="G41" s="6" t="s">
        <v>726</v>
      </c>
      <c r="H41" s="6" t="s">
        <v>727</v>
      </c>
      <c r="I41" s="6" t="s">
        <v>4</v>
      </c>
    </row>
    <row r="42" spans="1:9" ht="45" customHeight="1" x14ac:dyDescent="0.15">
      <c r="A42" s="6" t="s">
        <v>1078</v>
      </c>
      <c r="B42" s="6" t="s">
        <v>1193</v>
      </c>
      <c r="C42" s="6" t="s">
        <v>1194</v>
      </c>
      <c r="D42" s="6" t="s">
        <v>1689</v>
      </c>
      <c r="E42" s="6" t="s">
        <v>1683</v>
      </c>
      <c r="F42" s="6" t="s">
        <v>1684</v>
      </c>
      <c r="G42" s="6" t="s">
        <v>1687</v>
      </c>
      <c r="H42" s="6" t="s">
        <v>1688</v>
      </c>
      <c r="I42" s="6" t="s">
        <v>1380</v>
      </c>
    </row>
    <row r="43" spans="1:9" ht="45" customHeight="1" x14ac:dyDescent="0.15">
      <c r="A43" s="6" t="s">
        <v>1078</v>
      </c>
      <c r="B43" s="6" t="s">
        <v>1195</v>
      </c>
      <c r="C43" s="6" t="s">
        <v>1196</v>
      </c>
      <c r="D43" s="6" t="s">
        <v>1197</v>
      </c>
      <c r="E43" s="6" t="s">
        <v>1198</v>
      </c>
      <c r="F43" s="6"/>
      <c r="G43" s="6" t="s">
        <v>1199</v>
      </c>
      <c r="H43" s="6" t="s">
        <v>1199</v>
      </c>
      <c r="I43" s="6" t="s">
        <v>1381</v>
      </c>
    </row>
    <row r="44" spans="1:9" ht="45" customHeight="1" x14ac:dyDescent="0.15">
      <c r="A44" s="6" t="s">
        <v>1078</v>
      </c>
      <c r="B44" s="6" t="s">
        <v>1492</v>
      </c>
      <c r="C44" s="6" t="s">
        <v>720</v>
      </c>
      <c r="D44" s="6" t="s">
        <v>1493</v>
      </c>
      <c r="E44" s="6" t="s">
        <v>1494</v>
      </c>
      <c r="F44" s="6"/>
      <c r="G44" s="6" t="s">
        <v>1495</v>
      </c>
      <c r="H44" s="6" t="s">
        <v>1496</v>
      </c>
      <c r="I44" s="6" t="s">
        <v>1497</v>
      </c>
    </row>
    <row r="45" spans="1:9" ht="45" customHeight="1" x14ac:dyDescent="0.15">
      <c r="A45" s="6" t="s">
        <v>1078</v>
      </c>
      <c r="B45" s="6" t="s">
        <v>1200</v>
      </c>
      <c r="C45" s="6" t="s">
        <v>1201</v>
      </c>
      <c r="D45" s="6" t="s">
        <v>670</v>
      </c>
      <c r="E45" s="6" t="s">
        <v>671</v>
      </c>
      <c r="F45" s="6"/>
      <c r="G45" s="6" t="s">
        <v>672</v>
      </c>
      <c r="H45" s="6" t="s">
        <v>673</v>
      </c>
      <c r="I45" s="6" t="s">
        <v>1378</v>
      </c>
    </row>
    <row r="46" spans="1:9" ht="45" customHeight="1" x14ac:dyDescent="0.15">
      <c r="A46" s="6" t="s">
        <v>1078</v>
      </c>
      <c r="B46" s="6" t="s">
        <v>1202</v>
      </c>
      <c r="C46" s="6" t="s">
        <v>1203</v>
      </c>
      <c r="D46" s="6" t="s">
        <v>1204</v>
      </c>
      <c r="E46" s="6" t="s">
        <v>1205</v>
      </c>
      <c r="F46" s="6"/>
      <c r="G46" s="6" t="s">
        <v>1206</v>
      </c>
      <c r="H46" s="6"/>
      <c r="I46" s="6" t="s">
        <v>1373</v>
      </c>
    </row>
    <row r="47" spans="1:9" ht="45" customHeight="1" x14ac:dyDescent="0.15">
      <c r="A47" s="6" t="s">
        <v>1078</v>
      </c>
      <c r="B47" s="6" t="s">
        <v>1207</v>
      </c>
      <c r="C47" s="6" t="s">
        <v>1208</v>
      </c>
      <c r="D47" s="6" t="s">
        <v>1209</v>
      </c>
      <c r="E47" s="6" t="s">
        <v>1210</v>
      </c>
      <c r="F47" s="6" t="s">
        <v>1211</v>
      </c>
      <c r="G47" s="6" t="s">
        <v>1212</v>
      </c>
      <c r="H47" s="6" t="s">
        <v>1382</v>
      </c>
      <c r="I47" s="6" t="s">
        <v>1383</v>
      </c>
    </row>
    <row r="48" spans="1:9" ht="45" customHeight="1" x14ac:dyDescent="0.15">
      <c r="A48" s="6" t="s">
        <v>1078</v>
      </c>
      <c r="B48" s="11">
        <v>2370403491</v>
      </c>
      <c r="C48" s="6" t="s">
        <v>1667</v>
      </c>
      <c r="D48" s="6" t="s">
        <v>1668</v>
      </c>
      <c r="E48" s="6" t="s">
        <v>1671</v>
      </c>
      <c r="F48" s="6" t="s">
        <v>1672</v>
      </c>
      <c r="G48" s="6" t="s">
        <v>1669</v>
      </c>
      <c r="H48" s="6" t="s">
        <v>1670</v>
      </c>
      <c r="I48" s="12">
        <v>44141</v>
      </c>
    </row>
    <row r="49" spans="1:9" ht="45" customHeight="1" x14ac:dyDescent="0.15">
      <c r="A49" s="6" t="s">
        <v>1653</v>
      </c>
      <c r="B49" s="11">
        <v>2370403517</v>
      </c>
      <c r="C49" s="6" t="s">
        <v>1654</v>
      </c>
      <c r="D49" s="6" t="s">
        <v>1655</v>
      </c>
      <c r="E49" s="6" t="s">
        <v>1656</v>
      </c>
      <c r="F49" s="6" t="s">
        <v>1657</v>
      </c>
      <c r="G49" s="6" t="s">
        <v>1658</v>
      </c>
      <c r="H49" s="6" t="s">
        <v>1659</v>
      </c>
      <c r="I49" s="13">
        <v>44127</v>
      </c>
    </row>
    <row r="50" spans="1:9" ht="45" customHeight="1" x14ac:dyDescent="0.15">
      <c r="A50" s="6" t="s">
        <v>1079</v>
      </c>
      <c r="B50" s="6" t="s">
        <v>728</v>
      </c>
      <c r="C50" s="6" t="s">
        <v>730</v>
      </c>
      <c r="D50" s="6" t="s">
        <v>731</v>
      </c>
      <c r="E50" s="6" t="s">
        <v>732</v>
      </c>
      <c r="F50" s="6"/>
      <c r="G50" s="6" t="s">
        <v>733</v>
      </c>
      <c r="H50" s="6" t="s">
        <v>734</v>
      </c>
      <c r="I50" s="6" t="s">
        <v>4</v>
      </c>
    </row>
    <row r="51" spans="1:9" ht="45" customHeight="1" x14ac:dyDescent="0.15">
      <c r="A51" s="6" t="s">
        <v>1079</v>
      </c>
      <c r="B51" s="6" t="s">
        <v>735</v>
      </c>
      <c r="C51" s="6" t="s">
        <v>738</v>
      </c>
      <c r="D51" s="6" t="s">
        <v>736</v>
      </c>
      <c r="E51" s="6" t="s">
        <v>737</v>
      </c>
      <c r="F51" s="6"/>
      <c r="G51" s="6" t="s">
        <v>739</v>
      </c>
      <c r="H51" s="6" t="s">
        <v>740</v>
      </c>
      <c r="I51" s="6" t="s">
        <v>4</v>
      </c>
    </row>
    <row r="52" spans="1:9" ht="45" customHeight="1" x14ac:dyDescent="0.15">
      <c r="A52" s="6" t="s">
        <v>1079</v>
      </c>
      <c r="B52" s="6" t="s">
        <v>741</v>
      </c>
      <c r="C52" s="6" t="s">
        <v>744</v>
      </c>
      <c r="D52" s="6" t="s">
        <v>742</v>
      </c>
      <c r="E52" s="6" t="s">
        <v>743</v>
      </c>
      <c r="F52" s="6"/>
      <c r="G52" s="6" t="s">
        <v>745</v>
      </c>
      <c r="H52" s="6" t="s">
        <v>746</v>
      </c>
      <c r="I52" s="6" t="s">
        <v>4</v>
      </c>
    </row>
    <row r="53" spans="1:9" ht="45" customHeight="1" x14ac:dyDescent="0.15">
      <c r="A53" s="6" t="s">
        <v>1079</v>
      </c>
      <c r="B53" s="6" t="s">
        <v>747</v>
      </c>
      <c r="C53" s="6" t="s">
        <v>750</v>
      </c>
      <c r="D53" s="6" t="s">
        <v>748</v>
      </c>
      <c r="E53" s="6" t="s">
        <v>749</v>
      </c>
      <c r="F53" s="6"/>
      <c r="G53" s="6" t="s">
        <v>751</v>
      </c>
      <c r="H53" s="6" t="s">
        <v>752</v>
      </c>
      <c r="I53" s="6" t="s">
        <v>4</v>
      </c>
    </row>
    <row r="54" spans="1:9" ht="45" customHeight="1" x14ac:dyDescent="0.15">
      <c r="A54" s="6" t="s">
        <v>1079</v>
      </c>
      <c r="B54" s="6" t="s">
        <v>753</v>
      </c>
      <c r="C54" s="6" t="s">
        <v>756</v>
      </c>
      <c r="D54" s="6" t="s">
        <v>754</v>
      </c>
      <c r="E54" s="6" t="s">
        <v>755</v>
      </c>
      <c r="F54" s="6"/>
      <c r="G54" s="6" t="s">
        <v>757</v>
      </c>
      <c r="H54" s="6" t="s">
        <v>758</v>
      </c>
      <c r="I54" s="6" t="s">
        <v>4</v>
      </c>
    </row>
    <row r="55" spans="1:9" ht="45" customHeight="1" x14ac:dyDescent="0.15">
      <c r="A55" s="6" t="s">
        <v>1079</v>
      </c>
      <c r="B55" s="6" t="s">
        <v>759</v>
      </c>
      <c r="C55" s="6" t="s">
        <v>760</v>
      </c>
      <c r="D55" s="6" t="s">
        <v>761</v>
      </c>
      <c r="E55" s="6" t="s">
        <v>762</v>
      </c>
      <c r="F55" s="6" t="s">
        <v>763</v>
      </c>
      <c r="G55" s="6" t="s">
        <v>764</v>
      </c>
      <c r="H55" s="6" t="s">
        <v>765</v>
      </c>
      <c r="I55" s="6" t="s">
        <v>4</v>
      </c>
    </row>
    <row r="56" spans="1:9" ht="45" customHeight="1" x14ac:dyDescent="0.15">
      <c r="A56" s="6" t="s">
        <v>1079</v>
      </c>
      <c r="B56" s="6" t="s">
        <v>766</v>
      </c>
      <c r="C56" s="6" t="s">
        <v>767</v>
      </c>
      <c r="D56" s="6" t="s">
        <v>768</v>
      </c>
      <c r="E56" s="6" t="s">
        <v>769</v>
      </c>
      <c r="F56" s="6"/>
      <c r="G56" s="6" t="s">
        <v>770</v>
      </c>
      <c r="H56" s="6" t="s">
        <v>771</v>
      </c>
      <c r="I56" s="6" t="s">
        <v>4</v>
      </c>
    </row>
    <row r="57" spans="1:9" ht="45" customHeight="1" x14ac:dyDescent="0.15">
      <c r="A57" s="6" t="s">
        <v>1079</v>
      </c>
      <c r="B57" s="6" t="s">
        <v>773</v>
      </c>
      <c r="C57" s="6" t="s">
        <v>776</v>
      </c>
      <c r="D57" s="6" t="s">
        <v>774</v>
      </c>
      <c r="E57" s="6" t="s">
        <v>775</v>
      </c>
      <c r="F57" s="6"/>
      <c r="G57" s="6" t="s">
        <v>777</v>
      </c>
      <c r="H57" s="6" t="s">
        <v>778</v>
      </c>
      <c r="I57" s="6" t="s">
        <v>4</v>
      </c>
    </row>
    <row r="58" spans="1:9" ht="45" customHeight="1" x14ac:dyDescent="0.15">
      <c r="A58" s="6" t="s">
        <v>1079</v>
      </c>
      <c r="B58" s="6" t="s">
        <v>1124</v>
      </c>
      <c r="C58" s="6" t="s">
        <v>780</v>
      </c>
      <c r="D58" s="6" t="s">
        <v>729</v>
      </c>
      <c r="E58" s="6" t="s">
        <v>779</v>
      </c>
      <c r="F58" s="6"/>
      <c r="G58" s="6" t="s">
        <v>781</v>
      </c>
      <c r="H58" s="6" t="s">
        <v>782</v>
      </c>
      <c r="I58" s="6" t="s">
        <v>1123</v>
      </c>
    </row>
    <row r="59" spans="1:9" ht="45" customHeight="1" x14ac:dyDescent="0.15">
      <c r="A59" s="6" t="s">
        <v>1079</v>
      </c>
      <c r="B59" s="6" t="s">
        <v>1474</v>
      </c>
      <c r="C59" s="6" t="s">
        <v>1475</v>
      </c>
      <c r="D59" s="6" t="s">
        <v>1690</v>
      </c>
      <c r="E59" s="6" t="s">
        <v>1691</v>
      </c>
      <c r="F59" s="6"/>
      <c r="G59" s="6" t="s">
        <v>1476</v>
      </c>
      <c r="H59" s="6" t="s">
        <v>1477</v>
      </c>
      <c r="I59" s="6" t="s">
        <v>1478</v>
      </c>
    </row>
    <row r="60" spans="1:9" ht="45" customHeight="1" x14ac:dyDescent="0.15">
      <c r="A60" s="6" t="s">
        <v>1079</v>
      </c>
      <c r="B60" s="11">
        <v>2370503795</v>
      </c>
      <c r="C60" s="6" t="s">
        <v>1642</v>
      </c>
      <c r="D60" s="6" t="s">
        <v>1643</v>
      </c>
      <c r="E60" s="6" t="s">
        <v>1644</v>
      </c>
      <c r="F60" s="6" t="s">
        <v>1645</v>
      </c>
      <c r="G60" s="6" t="s">
        <v>1646</v>
      </c>
      <c r="H60" s="6" t="s">
        <v>1647</v>
      </c>
      <c r="I60" s="12">
        <v>44119</v>
      </c>
    </row>
    <row r="61" spans="1:9" ht="45" customHeight="1" x14ac:dyDescent="0.15">
      <c r="A61" s="6" t="s">
        <v>1080</v>
      </c>
      <c r="B61" s="6" t="s">
        <v>783</v>
      </c>
      <c r="C61" s="6" t="s">
        <v>784</v>
      </c>
      <c r="D61" s="6" t="s">
        <v>785</v>
      </c>
      <c r="E61" s="6" t="s">
        <v>1629</v>
      </c>
      <c r="F61" s="6"/>
      <c r="G61" s="6" t="s">
        <v>786</v>
      </c>
      <c r="H61" s="6" t="s">
        <v>787</v>
      </c>
      <c r="I61" s="6" t="s">
        <v>4</v>
      </c>
    </row>
    <row r="62" spans="1:9" ht="45" customHeight="1" x14ac:dyDescent="0.15">
      <c r="A62" s="6" t="s">
        <v>1080</v>
      </c>
      <c r="B62" s="6" t="s">
        <v>788</v>
      </c>
      <c r="C62" s="6" t="s">
        <v>790</v>
      </c>
      <c r="D62" s="6" t="s">
        <v>789</v>
      </c>
      <c r="E62" s="6" t="s">
        <v>791</v>
      </c>
      <c r="F62" s="6"/>
      <c r="G62" s="6" t="s">
        <v>792</v>
      </c>
      <c r="H62" s="6" t="s">
        <v>793</v>
      </c>
      <c r="I62" s="6" t="s">
        <v>4</v>
      </c>
    </row>
    <row r="63" spans="1:9" ht="45" customHeight="1" x14ac:dyDescent="0.15">
      <c r="A63" s="6" t="s">
        <v>1080</v>
      </c>
      <c r="B63" s="6" t="s">
        <v>794</v>
      </c>
      <c r="C63" s="6" t="s">
        <v>796</v>
      </c>
      <c r="D63" s="6" t="s">
        <v>789</v>
      </c>
      <c r="E63" s="6" t="s">
        <v>791</v>
      </c>
      <c r="F63" s="6" t="s">
        <v>795</v>
      </c>
      <c r="G63" s="6" t="s">
        <v>797</v>
      </c>
      <c r="H63" s="6" t="s">
        <v>798</v>
      </c>
      <c r="I63" s="6" t="s">
        <v>4</v>
      </c>
    </row>
    <row r="64" spans="1:9" ht="45" customHeight="1" x14ac:dyDescent="0.15">
      <c r="A64" s="6" t="s">
        <v>1080</v>
      </c>
      <c r="B64" s="6" t="s">
        <v>799</v>
      </c>
      <c r="C64" s="6" t="s">
        <v>800</v>
      </c>
      <c r="D64" s="6" t="s">
        <v>785</v>
      </c>
      <c r="E64" s="6" t="s">
        <v>801</v>
      </c>
      <c r="F64" s="6" t="s">
        <v>802</v>
      </c>
      <c r="G64" s="6" t="s">
        <v>803</v>
      </c>
      <c r="H64" s="6" t="s">
        <v>804</v>
      </c>
      <c r="I64" s="6" t="s">
        <v>4</v>
      </c>
    </row>
    <row r="65" spans="1:9" ht="45" customHeight="1" x14ac:dyDescent="0.15">
      <c r="A65" s="6" t="s">
        <v>1080</v>
      </c>
      <c r="B65" s="6" t="s">
        <v>805</v>
      </c>
      <c r="C65" s="6" t="s">
        <v>807</v>
      </c>
      <c r="D65" s="6" t="s">
        <v>806</v>
      </c>
      <c r="E65" s="6" t="s">
        <v>1813</v>
      </c>
      <c r="F65" s="6" t="s">
        <v>1814</v>
      </c>
      <c r="G65" s="6" t="s">
        <v>808</v>
      </c>
      <c r="H65" s="6" t="s">
        <v>809</v>
      </c>
      <c r="I65" s="6" t="s">
        <v>4</v>
      </c>
    </row>
    <row r="66" spans="1:9" ht="45" customHeight="1" x14ac:dyDescent="0.15">
      <c r="A66" s="6" t="s">
        <v>1080</v>
      </c>
      <c r="B66" s="6" t="s">
        <v>810</v>
      </c>
      <c r="C66" s="6" t="s">
        <v>813</v>
      </c>
      <c r="D66" s="6" t="s">
        <v>811</v>
      </c>
      <c r="E66" s="6" t="s">
        <v>812</v>
      </c>
      <c r="F66" s="6"/>
      <c r="G66" s="6" t="s">
        <v>814</v>
      </c>
      <c r="H66" s="6" t="s">
        <v>815</v>
      </c>
      <c r="I66" s="6" t="s">
        <v>4</v>
      </c>
    </row>
    <row r="67" spans="1:9" ht="45" customHeight="1" x14ac:dyDescent="0.15">
      <c r="A67" s="6" t="s">
        <v>1080</v>
      </c>
      <c r="B67" s="6" t="s">
        <v>816</v>
      </c>
      <c r="C67" s="6" t="s">
        <v>817</v>
      </c>
      <c r="D67" s="6" t="s">
        <v>806</v>
      </c>
      <c r="E67" s="6" t="s">
        <v>818</v>
      </c>
      <c r="F67" s="6" t="s">
        <v>819</v>
      </c>
      <c r="G67" s="6" t="s">
        <v>820</v>
      </c>
      <c r="H67" s="6" t="s">
        <v>821</v>
      </c>
      <c r="I67" s="6" t="s">
        <v>4</v>
      </c>
    </row>
    <row r="68" spans="1:9" ht="45" customHeight="1" x14ac:dyDescent="0.15">
      <c r="A68" s="6" t="s">
        <v>1637</v>
      </c>
      <c r="B68" s="11">
        <v>2370602621</v>
      </c>
      <c r="C68" s="6" t="s">
        <v>1498</v>
      </c>
      <c r="D68" s="6" t="s">
        <v>772</v>
      </c>
      <c r="E68" s="6" t="s">
        <v>1638</v>
      </c>
      <c r="F68" s="6" t="s">
        <v>1639</v>
      </c>
      <c r="G68" s="6" t="s">
        <v>1640</v>
      </c>
      <c r="H68" s="6" t="s">
        <v>1641</v>
      </c>
      <c r="I68" s="12">
        <v>44117</v>
      </c>
    </row>
    <row r="69" spans="1:9" ht="45" customHeight="1" x14ac:dyDescent="0.15">
      <c r="A69" s="6" t="s">
        <v>1637</v>
      </c>
      <c r="B69" s="20" t="s">
        <v>1785</v>
      </c>
      <c r="C69" s="20" t="s">
        <v>1787</v>
      </c>
      <c r="D69" s="20" t="s">
        <v>1788</v>
      </c>
      <c r="E69" s="20" t="s">
        <v>1789</v>
      </c>
      <c r="F69" s="20" t="s">
        <v>1791</v>
      </c>
      <c r="G69" s="20" t="s">
        <v>1793</v>
      </c>
      <c r="H69" s="20" t="s">
        <v>1794</v>
      </c>
      <c r="I69" s="20" t="s">
        <v>1797</v>
      </c>
    </row>
    <row r="70" spans="1:9" ht="45" customHeight="1" x14ac:dyDescent="0.15">
      <c r="A70" s="6" t="s">
        <v>1637</v>
      </c>
      <c r="B70" s="20" t="s">
        <v>1786</v>
      </c>
      <c r="C70" s="20" t="s">
        <v>104</v>
      </c>
      <c r="D70" s="20" t="s">
        <v>811</v>
      </c>
      <c r="E70" s="20" t="s">
        <v>1790</v>
      </c>
      <c r="F70" s="20" t="s">
        <v>1792</v>
      </c>
      <c r="G70" s="20" t="s">
        <v>1795</v>
      </c>
      <c r="H70" s="20" t="s">
        <v>1796</v>
      </c>
      <c r="I70" s="20" t="s">
        <v>1784</v>
      </c>
    </row>
    <row r="71" spans="1:9" ht="45" customHeight="1" x14ac:dyDescent="0.15">
      <c r="A71" s="6" t="s">
        <v>1081</v>
      </c>
      <c r="B71" s="6" t="s">
        <v>822</v>
      </c>
      <c r="C71" s="6" t="s">
        <v>823</v>
      </c>
      <c r="D71" s="6" t="s">
        <v>824</v>
      </c>
      <c r="E71" s="6" t="s">
        <v>825</v>
      </c>
      <c r="F71" s="6"/>
      <c r="G71" s="6" t="s">
        <v>826</v>
      </c>
      <c r="H71" s="6" t="s">
        <v>827</v>
      </c>
      <c r="I71" s="6" t="s">
        <v>4</v>
      </c>
    </row>
    <row r="72" spans="1:9" ht="45" customHeight="1" x14ac:dyDescent="0.15">
      <c r="A72" s="6" t="s">
        <v>1081</v>
      </c>
      <c r="B72" s="6" t="s">
        <v>1125</v>
      </c>
      <c r="C72" s="6" t="s">
        <v>1128</v>
      </c>
      <c r="D72" s="6" t="s">
        <v>830</v>
      </c>
      <c r="E72" s="6" t="s">
        <v>1126</v>
      </c>
      <c r="F72" s="6" t="s">
        <v>1127</v>
      </c>
      <c r="G72" s="6" t="s">
        <v>1129</v>
      </c>
      <c r="H72" s="6" t="s">
        <v>1130</v>
      </c>
      <c r="I72" s="6" t="s">
        <v>1131</v>
      </c>
    </row>
    <row r="73" spans="1:9" ht="45" customHeight="1" x14ac:dyDescent="0.15">
      <c r="A73" s="6" t="s">
        <v>1081</v>
      </c>
      <c r="B73" s="6" t="s">
        <v>828</v>
      </c>
      <c r="C73" s="6" t="s">
        <v>829</v>
      </c>
      <c r="D73" s="6" t="s">
        <v>830</v>
      </c>
      <c r="E73" s="6" t="s">
        <v>831</v>
      </c>
      <c r="F73" s="6" t="s">
        <v>832</v>
      </c>
      <c r="G73" s="6" t="s">
        <v>833</v>
      </c>
      <c r="H73" s="6" t="s">
        <v>834</v>
      </c>
      <c r="I73" s="6" t="s">
        <v>4</v>
      </c>
    </row>
    <row r="74" spans="1:9" ht="45" customHeight="1" x14ac:dyDescent="0.15">
      <c r="A74" s="6" t="s">
        <v>1081</v>
      </c>
      <c r="B74" s="6" t="s">
        <v>835</v>
      </c>
      <c r="C74" s="6" t="s">
        <v>836</v>
      </c>
      <c r="D74" s="6" t="s">
        <v>837</v>
      </c>
      <c r="E74" s="6" t="s">
        <v>838</v>
      </c>
      <c r="F74" s="6"/>
      <c r="G74" s="6" t="s">
        <v>839</v>
      </c>
      <c r="H74" s="6" t="s">
        <v>840</v>
      </c>
      <c r="I74" s="6" t="s">
        <v>4</v>
      </c>
    </row>
    <row r="75" spans="1:9" ht="45" customHeight="1" x14ac:dyDescent="0.15">
      <c r="A75" s="6" t="s">
        <v>1081</v>
      </c>
      <c r="B75" s="6" t="s">
        <v>1531</v>
      </c>
      <c r="C75" s="6" t="s">
        <v>1532</v>
      </c>
      <c r="D75" s="6" t="s">
        <v>830</v>
      </c>
      <c r="E75" s="6" t="s">
        <v>1533</v>
      </c>
      <c r="F75" s="6"/>
      <c r="G75" s="6" t="s">
        <v>1534</v>
      </c>
      <c r="H75" s="6" t="s">
        <v>1535</v>
      </c>
      <c r="I75" s="6" t="s">
        <v>1536</v>
      </c>
    </row>
    <row r="76" spans="1:9" ht="45" customHeight="1" x14ac:dyDescent="0.15">
      <c r="A76" s="6" t="s">
        <v>1082</v>
      </c>
      <c r="B76" s="6" t="s">
        <v>841</v>
      </c>
      <c r="C76" s="6" t="s">
        <v>844</v>
      </c>
      <c r="D76" s="6" t="s">
        <v>842</v>
      </c>
      <c r="E76" s="6" t="s">
        <v>843</v>
      </c>
      <c r="F76" s="6"/>
      <c r="G76" s="6" t="s">
        <v>845</v>
      </c>
      <c r="H76" s="6" t="s">
        <v>846</v>
      </c>
      <c r="I76" s="6" t="s">
        <v>4</v>
      </c>
    </row>
    <row r="77" spans="1:9" ht="45" customHeight="1" x14ac:dyDescent="0.15">
      <c r="A77" s="6" t="s">
        <v>1082</v>
      </c>
      <c r="B77" s="6" t="s">
        <v>1213</v>
      </c>
      <c r="C77" s="6" t="s">
        <v>1214</v>
      </c>
      <c r="D77" s="6" t="s">
        <v>1215</v>
      </c>
      <c r="E77" s="6" t="s">
        <v>1216</v>
      </c>
      <c r="F77" s="6" t="s">
        <v>1217</v>
      </c>
      <c r="G77" s="6" t="s">
        <v>1218</v>
      </c>
      <c r="H77" s="6" t="s">
        <v>1384</v>
      </c>
      <c r="I77" s="6" t="s">
        <v>1385</v>
      </c>
    </row>
    <row r="78" spans="1:9" ht="45" customHeight="1" x14ac:dyDescent="0.15">
      <c r="A78" s="6" t="s">
        <v>1082</v>
      </c>
      <c r="B78" s="6" t="s">
        <v>847</v>
      </c>
      <c r="C78" s="6" t="s">
        <v>850</v>
      </c>
      <c r="D78" s="6" t="s">
        <v>848</v>
      </c>
      <c r="E78" s="6" t="s">
        <v>849</v>
      </c>
      <c r="F78" s="6"/>
      <c r="G78" s="6" t="s">
        <v>851</v>
      </c>
      <c r="H78" s="6" t="s">
        <v>852</v>
      </c>
      <c r="I78" s="6" t="s">
        <v>4</v>
      </c>
    </row>
    <row r="79" spans="1:9" ht="45" customHeight="1" x14ac:dyDescent="0.15">
      <c r="A79" s="6" t="s">
        <v>1082</v>
      </c>
      <c r="B79" s="6" t="s">
        <v>1157</v>
      </c>
      <c r="C79" s="6" t="s">
        <v>1160</v>
      </c>
      <c r="D79" s="6" t="s">
        <v>1158</v>
      </c>
      <c r="E79" s="6" t="s">
        <v>1159</v>
      </c>
      <c r="F79" s="6"/>
      <c r="G79" s="6" t="s">
        <v>1161</v>
      </c>
      <c r="H79" s="6" t="s">
        <v>1162</v>
      </c>
      <c r="I79" s="6" t="s">
        <v>1131</v>
      </c>
    </row>
    <row r="80" spans="1:9" ht="45" customHeight="1" x14ac:dyDescent="0.15">
      <c r="A80" s="6" t="s">
        <v>1082</v>
      </c>
      <c r="B80" s="6" t="s">
        <v>853</v>
      </c>
      <c r="C80" s="6" t="s">
        <v>856</v>
      </c>
      <c r="D80" s="6" t="s">
        <v>854</v>
      </c>
      <c r="E80" s="6" t="s">
        <v>855</v>
      </c>
      <c r="F80" s="6"/>
      <c r="G80" s="6" t="s">
        <v>857</v>
      </c>
      <c r="H80" s="6" t="s">
        <v>858</v>
      </c>
      <c r="I80" s="6" t="s">
        <v>4</v>
      </c>
    </row>
    <row r="81" spans="1:9" ht="45" customHeight="1" x14ac:dyDescent="0.15">
      <c r="A81" s="6" t="s">
        <v>1082</v>
      </c>
      <c r="B81" s="6" t="s">
        <v>1537</v>
      </c>
      <c r="C81" s="6" t="s">
        <v>1538</v>
      </c>
      <c r="D81" s="6" t="s">
        <v>1539</v>
      </c>
      <c r="E81" s="6" t="s">
        <v>1540</v>
      </c>
      <c r="F81" s="6"/>
      <c r="G81" s="6" t="s">
        <v>1541</v>
      </c>
      <c r="H81" s="6" t="s">
        <v>1542</v>
      </c>
      <c r="I81" s="6" t="s">
        <v>1530</v>
      </c>
    </row>
    <row r="82" spans="1:9" ht="45" customHeight="1" x14ac:dyDescent="0.15">
      <c r="A82" s="6" t="s">
        <v>1083</v>
      </c>
      <c r="B82" s="6" t="s">
        <v>859</v>
      </c>
      <c r="C82" s="6" t="s">
        <v>860</v>
      </c>
      <c r="D82" s="6" t="s">
        <v>861</v>
      </c>
      <c r="E82" s="6" t="s">
        <v>862</v>
      </c>
      <c r="F82" s="6"/>
      <c r="G82" s="6" t="s">
        <v>863</v>
      </c>
      <c r="H82" s="6" t="s">
        <v>864</v>
      </c>
      <c r="I82" s="6" t="s">
        <v>4</v>
      </c>
    </row>
    <row r="83" spans="1:9" ht="45" customHeight="1" x14ac:dyDescent="0.15">
      <c r="A83" s="6" t="s">
        <v>1083</v>
      </c>
      <c r="B83" s="6" t="s">
        <v>871</v>
      </c>
      <c r="C83" s="6" t="s">
        <v>875</v>
      </c>
      <c r="D83" s="6" t="s">
        <v>872</v>
      </c>
      <c r="E83" s="6" t="s">
        <v>873</v>
      </c>
      <c r="F83" s="6" t="s">
        <v>874</v>
      </c>
      <c r="G83" s="6" t="s">
        <v>876</v>
      </c>
      <c r="H83" s="6" t="s">
        <v>877</v>
      </c>
      <c r="I83" s="6" t="s">
        <v>4</v>
      </c>
    </row>
    <row r="84" spans="1:9" ht="45" customHeight="1" x14ac:dyDescent="0.15">
      <c r="A84" s="6" t="s">
        <v>1083</v>
      </c>
      <c r="B84" s="6" t="s">
        <v>878</v>
      </c>
      <c r="C84" s="6" t="s">
        <v>880</v>
      </c>
      <c r="D84" s="6" t="s">
        <v>881</v>
      </c>
      <c r="E84" s="6" t="s">
        <v>879</v>
      </c>
      <c r="F84" s="6"/>
      <c r="G84" s="6" t="s">
        <v>882</v>
      </c>
      <c r="H84" s="6" t="s">
        <v>883</v>
      </c>
      <c r="I84" s="6" t="s">
        <v>4</v>
      </c>
    </row>
    <row r="85" spans="1:9" ht="45" customHeight="1" x14ac:dyDescent="0.15">
      <c r="A85" s="6" t="s">
        <v>1083</v>
      </c>
      <c r="B85" s="6" t="s">
        <v>884</v>
      </c>
      <c r="C85" s="6" t="s">
        <v>887</v>
      </c>
      <c r="D85" s="6" t="s">
        <v>885</v>
      </c>
      <c r="E85" s="6" t="s">
        <v>886</v>
      </c>
      <c r="F85" s="6"/>
      <c r="G85" s="6" t="s">
        <v>888</v>
      </c>
      <c r="H85" s="6" t="s">
        <v>889</v>
      </c>
      <c r="I85" s="6" t="s">
        <v>4</v>
      </c>
    </row>
    <row r="86" spans="1:9" ht="45" customHeight="1" x14ac:dyDescent="0.15">
      <c r="A86" s="6" t="s">
        <v>1083</v>
      </c>
      <c r="B86" s="6" t="s">
        <v>1219</v>
      </c>
      <c r="C86" s="6" t="s">
        <v>1220</v>
      </c>
      <c r="D86" s="6" t="s">
        <v>1221</v>
      </c>
      <c r="E86" s="6" t="s">
        <v>1222</v>
      </c>
      <c r="F86" s="6"/>
      <c r="G86" s="6" t="s">
        <v>1223</v>
      </c>
      <c r="H86" s="6" t="s">
        <v>1387</v>
      </c>
      <c r="I86" s="6" t="s">
        <v>1388</v>
      </c>
    </row>
    <row r="87" spans="1:9" ht="45" customHeight="1" x14ac:dyDescent="0.15">
      <c r="A87" s="6" t="s">
        <v>1084</v>
      </c>
      <c r="B87" s="6" t="s">
        <v>890</v>
      </c>
      <c r="C87" s="6" t="s">
        <v>891</v>
      </c>
      <c r="D87" s="6" t="s">
        <v>892</v>
      </c>
      <c r="E87" s="6" t="s">
        <v>893</v>
      </c>
      <c r="F87" s="6"/>
      <c r="G87" s="6" t="s">
        <v>894</v>
      </c>
      <c r="H87" s="6" t="s">
        <v>895</v>
      </c>
      <c r="I87" s="6" t="s">
        <v>4</v>
      </c>
    </row>
    <row r="88" spans="1:9" ht="45" customHeight="1" x14ac:dyDescent="0.15">
      <c r="A88" s="6" t="s">
        <v>1084</v>
      </c>
      <c r="B88" s="6" t="s">
        <v>896</v>
      </c>
      <c r="C88" s="6" t="s">
        <v>899</v>
      </c>
      <c r="D88" s="6" t="s">
        <v>897</v>
      </c>
      <c r="E88" s="6" t="s">
        <v>898</v>
      </c>
      <c r="F88" s="6"/>
      <c r="G88" s="6" t="s">
        <v>900</v>
      </c>
      <c r="H88" s="6" t="s">
        <v>901</v>
      </c>
      <c r="I88" s="6" t="s">
        <v>4</v>
      </c>
    </row>
    <row r="89" spans="1:9" ht="45" customHeight="1" x14ac:dyDescent="0.15">
      <c r="A89" s="6" t="s">
        <v>1084</v>
      </c>
      <c r="B89" s="6" t="s">
        <v>902</v>
      </c>
      <c r="C89" s="6" t="s">
        <v>905</v>
      </c>
      <c r="D89" s="6" t="s">
        <v>903</v>
      </c>
      <c r="E89" s="6" t="s">
        <v>904</v>
      </c>
      <c r="F89" s="6"/>
      <c r="G89" s="6" t="s">
        <v>906</v>
      </c>
      <c r="H89" s="6" t="s">
        <v>907</v>
      </c>
      <c r="I89" s="6" t="s">
        <v>4</v>
      </c>
    </row>
    <row r="90" spans="1:9" ht="45" customHeight="1" x14ac:dyDescent="0.15">
      <c r="A90" s="6" t="s">
        <v>1084</v>
      </c>
      <c r="B90" s="6" t="s">
        <v>908</v>
      </c>
      <c r="C90" s="6" t="s">
        <v>909</v>
      </c>
      <c r="D90" s="6" t="s">
        <v>910</v>
      </c>
      <c r="E90" s="6" t="s">
        <v>911</v>
      </c>
      <c r="F90" s="6"/>
      <c r="G90" s="6" t="s">
        <v>912</v>
      </c>
      <c r="H90" s="6" t="s">
        <v>913</v>
      </c>
      <c r="I90" s="6" t="s">
        <v>4</v>
      </c>
    </row>
    <row r="91" spans="1:9" ht="45" customHeight="1" x14ac:dyDescent="0.15">
      <c r="A91" s="6" t="s">
        <v>1084</v>
      </c>
      <c r="B91" s="6" t="s">
        <v>914</v>
      </c>
      <c r="C91" s="6" t="s">
        <v>916</v>
      </c>
      <c r="D91" s="6" t="s">
        <v>915</v>
      </c>
      <c r="E91" s="6" t="s">
        <v>917</v>
      </c>
      <c r="F91" s="6"/>
      <c r="G91" s="6" t="s">
        <v>918</v>
      </c>
      <c r="H91" s="6" t="s">
        <v>919</v>
      </c>
      <c r="I91" s="6" t="s">
        <v>4</v>
      </c>
    </row>
    <row r="92" spans="1:9" ht="45" customHeight="1" x14ac:dyDescent="0.15">
      <c r="A92" s="6" t="s">
        <v>1084</v>
      </c>
      <c r="B92" s="6" t="s">
        <v>920</v>
      </c>
      <c r="C92" s="6" t="s">
        <v>1630</v>
      </c>
      <c r="D92" s="6" t="s">
        <v>921</v>
      </c>
      <c r="E92" s="6" t="s">
        <v>922</v>
      </c>
      <c r="F92" s="6"/>
      <c r="G92" s="6" t="s">
        <v>923</v>
      </c>
      <c r="H92" s="6" t="s">
        <v>924</v>
      </c>
      <c r="I92" s="6" t="s">
        <v>4</v>
      </c>
    </row>
    <row r="93" spans="1:9" ht="45" customHeight="1" x14ac:dyDescent="0.15">
      <c r="A93" s="6" t="s">
        <v>1084</v>
      </c>
      <c r="B93" s="6" t="s">
        <v>925</v>
      </c>
      <c r="C93" s="6" t="s">
        <v>928</v>
      </c>
      <c r="D93" s="6" t="s">
        <v>926</v>
      </c>
      <c r="E93" s="6" t="s">
        <v>927</v>
      </c>
      <c r="F93" s="6"/>
      <c r="G93" s="6" t="s">
        <v>929</v>
      </c>
      <c r="H93" s="6" t="s">
        <v>930</v>
      </c>
      <c r="I93" s="6" t="s">
        <v>4</v>
      </c>
    </row>
    <row r="94" spans="1:9" ht="45" customHeight="1" x14ac:dyDescent="0.15">
      <c r="A94" s="6" t="s">
        <v>1084</v>
      </c>
      <c r="B94" s="6" t="s">
        <v>937</v>
      </c>
      <c r="C94" s="6" t="s">
        <v>938</v>
      </c>
      <c r="D94" s="6" t="s">
        <v>892</v>
      </c>
      <c r="E94" s="6" t="s">
        <v>939</v>
      </c>
      <c r="F94" s="6"/>
      <c r="G94" s="6" t="s">
        <v>940</v>
      </c>
      <c r="H94" s="6" t="s">
        <v>941</v>
      </c>
      <c r="I94" s="6" t="s">
        <v>4</v>
      </c>
    </row>
    <row r="95" spans="1:9" ht="45" customHeight="1" x14ac:dyDescent="0.15">
      <c r="A95" s="6" t="s">
        <v>1084</v>
      </c>
      <c r="B95" s="6" t="s">
        <v>942</v>
      </c>
      <c r="C95" s="6" t="s">
        <v>945</v>
      </c>
      <c r="D95" s="6" t="s">
        <v>943</v>
      </c>
      <c r="E95" s="6" t="s">
        <v>944</v>
      </c>
      <c r="F95" s="6"/>
      <c r="G95" s="6" t="s">
        <v>946</v>
      </c>
      <c r="H95" s="6" t="s">
        <v>947</v>
      </c>
      <c r="I95" s="6" t="s">
        <v>4</v>
      </c>
    </row>
    <row r="96" spans="1:9" ht="45" customHeight="1" x14ac:dyDescent="0.15">
      <c r="A96" s="6" t="s">
        <v>1084</v>
      </c>
      <c r="B96" s="6" t="s">
        <v>948</v>
      </c>
      <c r="C96" s="6" t="s">
        <v>952</v>
      </c>
      <c r="D96" s="6" t="s">
        <v>949</v>
      </c>
      <c r="E96" s="6" t="s">
        <v>950</v>
      </c>
      <c r="F96" s="6" t="s">
        <v>951</v>
      </c>
      <c r="G96" s="6" t="s">
        <v>953</v>
      </c>
      <c r="H96" s="6" t="s">
        <v>954</v>
      </c>
      <c r="I96" s="6" t="s">
        <v>4</v>
      </c>
    </row>
    <row r="97" spans="1:9" ht="45" customHeight="1" x14ac:dyDescent="0.15">
      <c r="A97" s="6" t="s">
        <v>1084</v>
      </c>
      <c r="B97" s="6" t="s">
        <v>955</v>
      </c>
      <c r="C97" s="6" t="s">
        <v>958</v>
      </c>
      <c r="D97" s="6" t="s">
        <v>956</v>
      </c>
      <c r="E97" s="6" t="s">
        <v>957</v>
      </c>
      <c r="F97" s="6"/>
      <c r="G97" s="6" t="s">
        <v>959</v>
      </c>
      <c r="H97" s="6" t="s">
        <v>960</v>
      </c>
      <c r="I97" s="6" t="s">
        <v>4</v>
      </c>
    </row>
    <row r="98" spans="1:9" ht="45" customHeight="1" x14ac:dyDescent="0.15">
      <c r="A98" s="6" t="s">
        <v>1084</v>
      </c>
      <c r="B98" s="6" t="s">
        <v>961</v>
      </c>
      <c r="C98" s="6" t="s">
        <v>963</v>
      </c>
      <c r="D98" s="6" t="s">
        <v>962</v>
      </c>
      <c r="E98" s="6" t="s">
        <v>964</v>
      </c>
      <c r="F98" s="6"/>
      <c r="G98" s="6" t="s">
        <v>965</v>
      </c>
      <c r="H98" s="6" t="s">
        <v>966</v>
      </c>
      <c r="I98" s="6" t="s">
        <v>4</v>
      </c>
    </row>
    <row r="99" spans="1:9" ht="45" customHeight="1" x14ac:dyDescent="0.15">
      <c r="A99" s="6" t="s">
        <v>1084</v>
      </c>
      <c r="B99" s="6" t="s">
        <v>967</v>
      </c>
      <c r="C99" s="6" t="s">
        <v>970</v>
      </c>
      <c r="D99" s="6" t="s">
        <v>968</v>
      </c>
      <c r="E99" s="6" t="s">
        <v>969</v>
      </c>
      <c r="F99" s="6"/>
      <c r="G99" s="6" t="s">
        <v>971</v>
      </c>
      <c r="H99" s="6" t="s">
        <v>972</v>
      </c>
      <c r="I99" s="6" t="s">
        <v>4</v>
      </c>
    </row>
    <row r="100" spans="1:9" ht="45" customHeight="1" x14ac:dyDescent="0.15">
      <c r="A100" s="6" t="s">
        <v>1084</v>
      </c>
      <c r="B100" s="6" t="s">
        <v>1224</v>
      </c>
      <c r="C100" s="6" t="s">
        <v>1225</v>
      </c>
      <c r="D100" s="6" t="s">
        <v>1226</v>
      </c>
      <c r="E100" s="6" t="s">
        <v>1227</v>
      </c>
      <c r="F100" s="6" t="s">
        <v>1228</v>
      </c>
      <c r="G100" s="6" t="s">
        <v>1229</v>
      </c>
      <c r="H100" s="6" t="s">
        <v>1390</v>
      </c>
      <c r="I100" s="6" t="s">
        <v>1389</v>
      </c>
    </row>
    <row r="101" spans="1:9" ht="45" customHeight="1" x14ac:dyDescent="0.15">
      <c r="A101" s="6" t="s">
        <v>1084</v>
      </c>
      <c r="B101" s="6" t="s">
        <v>1230</v>
      </c>
      <c r="C101" s="6" t="s">
        <v>1231</v>
      </c>
      <c r="D101" s="6" t="s">
        <v>1232</v>
      </c>
      <c r="E101" s="6" t="s">
        <v>1233</v>
      </c>
      <c r="F101" s="6"/>
      <c r="G101" s="6" t="s">
        <v>1234</v>
      </c>
      <c r="H101" s="6" t="s">
        <v>1234</v>
      </c>
      <c r="I101" s="6" t="s">
        <v>1391</v>
      </c>
    </row>
    <row r="102" spans="1:9" ht="45" customHeight="1" x14ac:dyDescent="0.15">
      <c r="A102" s="6" t="s">
        <v>1084</v>
      </c>
      <c r="B102" s="6" t="s">
        <v>1543</v>
      </c>
      <c r="C102" s="6" t="s">
        <v>1544</v>
      </c>
      <c r="D102" s="6" t="s">
        <v>1545</v>
      </c>
      <c r="E102" s="6" t="s">
        <v>1546</v>
      </c>
      <c r="F102" s="6"/>
      <c r="G102" s="6" t="s">
        <v>1547</v>
      </c>
      <c r="H102" s="6" t="s">
        <v>1547</v>
      </c>
      <c r="I102" s="6" t="s">
        <v>1548</v>
      </c>
    </row>
    <row r="103" spans="1:9" ht="45" customHeight="1" x14ac:dyDescent="0.15">
      <c r="A103" s="6" t="s">
        <v>1084</v>
      </c>
      <c r="B103" s="6" t="s">
        <v>1235</v>
      </c>
      <c r="C103" s="6" t="s">
        <v>1236</v>
      </c>
      <c r="D103" s="6" t="s">
        <v>1237</v>
      </c>
      <c r="E103" s="6" t="s">
        <v>1238</v>
      </c>
      <c r="F103" s="6"/>
      <c r="G103" s="6" t="s">
        <v>1239</v>
      </c>
      <c r="H103" s="6" t="s">
        <v>1392</v>
      </c>
      <c r="I103" s="6" t="s">
        <v>1393</v>
      </c>
    </row>
    <row r="104" spans="1:9" ht="45" customHeight="1" x14ac:dyDescent="0.15">
      <c r="A104" s="6" t="s">
        <v>1084</v>
      </c>
      <c r="B104" s="11">
        <v>2371004637</v>
      </c>
      <c r="C104" s="6" t="s">
        <v>1549</v>
      </c>
      <c r="D104" s="6" t="s">
        <v>892</v>
      </c>
      <c r="E104" s="6" t="s">
        <v>1550</v>
      </c>
      <c r="F104" s="6" t="s">
        <v>1551</v>
      </c>
      <c r="G104" s="6" t="s">
        <v>1552</v>
      </c>
      <c r="H104" s="6" t="s">
        <v>1553</v>
      </c>
      <c r="I104" s="6" t="s">
        <v>1554</v>
      </c>
    </row>
    <row r="105" spans="1:9" ht="45" customHeight="1" x14ac:dyDescent="0.15">
      <c r="A105" s="6" t="s">
        <v>1084</v>
      </c>
      <c r="B105" s="6" t="s">
        <v>1581</v>
      </c>
      <c r="C105" s="6" t="s">
        <v>1582</v>
      </c>
      <c r="D105" s="6" t="s">
        <v>1583</v>
      </c>
      <c r="E105" s="6" t="s">
        <v>1584</v>
      </c>
      <c r="F105" s="6"/>
      <c r="G105" s="6" t="s">
        <v>1577</v>
      </c>
      <c r="H105" s="6" t="s">
        <v>1577</v>
      </c>
      <c r="I105" s="6" t="s">
        <v>1579</v>
      </c>
    </row>
    <row r="106" spans="1:9" ht="45" customHeight="1" x14ac:dyDescent="0.15">
      <c r="A106" s="6" t="s">
        <v>1084</v>
      </c>
      <c r="B106" s="6" t="s">
        <v>1585</v>
      </c>
      <c r="C106" s="6" t="s">
        <v>1586</v>
      </c>
      <c r="D106" s="6" t="s">
        <v>1587</v>
      </c>
      <c r="E106" s="6" t="s">
        <v>1588</v>
      </c>
      <c r="F106" s="6" t="s">
        <v>1576</v>
      </c>
      <c r="G106" s="6" t="s">
        <v>1765</v>
      </c>
      <c r="H106" s="6" t="s">
        <v>1578</v>
      </c>
      <c r="I106" s="6" t="s">
        <v>1580</v>
      </c>
    </row>
    <row r="107" spans="1:9" ht="45" customHeight="1" x14ac:dyDescent="0.15">
      <c r="A107" s="6" t="s">
        <v>1085</v>
      </c>
      <c r="B107" s="6" t="s">
        <v>1151</v>
      </c>
      <c r="C107" s="6" t="s">
        <v>1154</v>
      </c>
      <c r="D107" s="6" t="s">
        <v>1152</v>
      </c>
      <c r="E107" s="6" t="s">
        <v>1153</v>
      </c>
      <c r="F107" s="6"/>
      <c r="G107" s="6" t="s">
        <v>1155</v>
      </c>
      <c r="H107" s="6" t="s">
        <v>1156</v>
      </c>
      <c r="I107" s="6" t="s">
        <v>1131</v>
      </c>
    </row>
    <row r="108" spans="1:9" ht="45" customHeight="1" x14ac:dyDescent="0.15">
      <c r="A108" s="6" t="s">
        <v>1085</v>
      </c>
      <c r="B108" s="6" t="s">
        <v>973</v>
      </c>
      <c r="C108" s="6" t="s">
        <v>976</v>
      </c>
      <c r="D108" s="6" t="s">
        <v>974</v>
      </c>
      <c r="E108" s="6" t="s">
        <v>975</v>
      </c>
      <c r="F108" s="6"/>
      <c r="G108" s="6" t="s">
        <v>977</v>
      </c>
      <c r="H108" s="6" t="s">
        <v>978</v>
      </c>
      <c r="I108" s="6" t="s">
        <v>4</v>
      </c>
    </row>
    <row r="109" spans="1:9" ht="45" customHeight="1" x14ac:dyDescent="0.15">
      <c r="A109" s="6" t="s">
        <v>1085</v>
      </c>
      <c r="B109" s="6" t="s">
        <v>1240</v>
      </c>
      <c r="C109" s="6" t="s">
        <v>984</v>
      </c>
      <c r="D109" s="6" t="s">
        <v>1241</v>
      </c>
      <c r="E109" s="6" t="s">
        <v>1242</v>
      </c>
      <c r="F109" s="6"/>
      <c r="G109" s="6" t="s">
        <v>1243</v>
      </c>
      <c r="H109" s="6" t="s">
        <v>1394</v>
      </c>
      <c r="I109" s="6" t="s">
        <v>1389</v>
      </c>
    </row>
    <row r="110" spans="1:9" ht="45" customHeight="1" x14ac:dyDescent="0.15">
      <c r="A110" s="6" t="s">
        <v>1086</v>
      </c>
      <c r="B110" s="6" t="s">
        <v>979</v>
      </c>
      <c r="C110" s="6" t="s">
        <v>980</v>
      </c>
      <c r="D110" s="6" t="s">
        <v>640</v>
      </c>
      <c r="E110" s="6" t="s">
        <v>981</v>
      </c>
      <c r="F110" s="6"/>
      <c r="G110" s="6" t="s">
        <v>982</v>
      </c>
      <c r="H110" s="6" t="s">
        <v>983</v>
      </c>
      <c r="I110" s="6" t="s">
        <v>4</v>
      </c>
    </row>
    <row r="111" spans="1:9" ht="45" customHeight="1" x14ac:dyDescent="0.15">
      <c r="A111" s="6" t="s">
        <v>1086</v>
      </c>
      <c r="B111" s="6" t="s">
        <v>985</v>
      </c>
      <c r="C111" s="6" t="s">
        <v>988</v>
      </c>
      <c r="D111" s="6" t="s">
        <v>986</v>
      </c>
      <c r="E111" s="6" t="s">
        <v>987</v>
      </c>
      <c r="F111" s="6"/>
      <c r="G111" s="6" t="s">
        <v>989</v>
      </c>
      <c r="H111" s="6" t="s">
        <v>990</v>
      </c>
      <c r="I111" s="6" t="s">
        <v>4</v>
      </c>
    </row>
    <row r="112" spans="1:9" ht="45" customHeight="1" x14ac:dyDescent="0.15">
      <c r="A112" s="6" t="s">
        <v>1086</v>
      </c>
      <c r="B112" s="6" t="s">
        <v>991</v>
      </c>
      <c r="C112" s="6" t="s">
        <v>994</v>
      </c>
      <c r="D112" s="6" t="s">
        <v>992</v>
      </c>
      <c r="E112" s="6" t="s">
        <v>993</v>
      </c>
      <c r="F112" s="6"/>
      <c r="G112" s="6" t="s">
        <v>995</v>
      </c>
      <c r="H112" s="6" t="s">
        <v>996</v>
      </c>
      <c r="I112" s="6" t="s">
        <v>4</v>
      </c>
    </row>
    <row r="113" spans="1:9" ht="45" customHeight="1" x14ac:dyDescent="0.15">
      <c r="A113" s="6" t="s">
        <v>1086</v>
      </c>
      <c r="B113" s="6" t="s">
        <v>997</v>
      </c>
      <c r="C113" s="6" t="s">
        <v>1000</v>
      </c>
      <c r="D113" s="6" t="s">
        <v>998</v>
      </c>
      <c r="E113" s="6" t="s">
        <v>999</v>
      </c>
      <c r="F113" s="6"/>
      <c r="G113" s="6" t="s">
        <v>1001</v>
      </c>
      <c r="H113" s="6" t="s">
        <v>1002</v>
      </c>
      <c r="I113" s="6" t="s">
        <v>4</v>
      </c>
    </row>
    <row r="114" spans="1:9" ht="45" customHeight="1" x14ac:dyDescent="0.15">
      <c r="A114" s="6" t="s">
        <v>1086</v>
      </c>
      <c r="B114" s="6" t="s">
        <v>1003</v>
      </c>
      <c r="C114" s="6" t="s">
        <v>1004</v>
      </c>
      <c r="D114" s="6" t="s">
        <v>1005</v>
      </c>
      <c r="E114" s="6" t="s">
        <v>1006</v>
      </c>
      <c r="F114" s="6"/>
      <c r="G114" s="6" t="s">
        <v>1007</v>
      </c>
      <c r="H114" s="6" t="s">
        <v>1008</v>
      </c>
      <c r="I114" s="6" t="s">
        <v>4</v>
      </c>
    </row>
    <row r="115" spans="1:9" ht="45" customHeight="1" x14ac:dyDescent="0.15">
      <c r="A115" s="6" t="s">
        <v>1086</v>
      </c>
      <c r="B115" s="6" t="s">
        <v>1009</v>
      </c>
      <c r="C115" s="6" t="s">
        <v>1013</v>
      </c>
      <c r="D115" s="6" t="s">
        <v>1010</v>
      </c>
      <c r="E115" s="6" t="s">
        <v>1011</v>
      </c>
      <c r="F115" s="6" t="s">
        <v>1012</v>
      </c>
      <c r="G115" s="6" t="s">
        <v>1014</v>
      </c>
      <c r="H115" s="6" t="s">
        <v>1015</v>
      </c>
      <c r="I115" s="6" t="s">
        <v>4</v>
      </c>
    </row>
    <row r="116" spans="1:9" ht="45" customHeight="1" x14ac:dyDescent="0.15">
      <c r="A116" s="6" t="s">
        <v>1086</v>
      </c>
      <c r="B116" s="6" t="s">
        <v>1016</v>
      </c>
      <c r="C116" s="6" t="s">
        <v>1017</v>
      </c>
      <c r="D116" s="6" t="s">
        <v>1018</v>
      </c>
      <c r="E116" s="6" t="s">
        <v>1019</v>
      </c>
      <c r="F116" s="6"/>
      <c r="G116" s="6" t="s">
        <v>1020</v>
      </c>
      <c r="H116" s="6" t="s">
        <v>1021</v>
      </c>
      <c r="I116" s="6" t="s">
        <v>4</v>
      </c>
    </row>
    <row r="117" spans="1:9" ht="45" customHeight="1" x14ac:dyDescent="0.15">
      <c r="A117" s="6" t="s">
        <v>1086</v>
      </c>
      <c r="B117" s="6" t="s">
        <v>1022</v>
      </c>
      <c r="C117" s="6" t="s">
        <v>1026</v>
      </c>
      <c r="D117" s="6" t="s">
        <v>1023</v>
      </c>
      <c r="E117" s="6" t="s">
        <v>1024</v>
      </c>
      <c r="F117" s="6" t="s">
        <v>1025</v>
      </c>
      <c r="G117" s="6" t="s">
        <v>1027</v>
      </c>
      <c r="H117" s="6" t="s">
        <v>1028</v>
      </c>
      <c r="I117" s="6" t="s">
        <v>4</v>
      </c>
    </row>
    <row r="118" spans="1:9" ht="45" customHeight="1" x14ac:dyDescent="0.15">
      <c r="A118" s="6" t="s">
        <v>1086</v>
      </c>
      <c r="B118" s="6" t="s">
        <v>1029</v>
      </c>
      <c r="C118" s="6" t="s">
        <v>1030</v>
      </c>
      <c r="D118" s="6" t="s">
        <v>1031</v>
      </c>
      <c r="E118" s="6" t="s">
        <v>1032</v>
      </c>
      <c r="F118" s="6"/>
      <c r="G118" s="6" t="s">
        <v>1033</v>
      </c>
      <c r="H118" s="6" t="s">
        <v>1034</v>
      </c>
      <c r="I118" s="6" t="s">
        <v>4</v>
      </c>
    </row>
    <row r="119" spans="1:9" ht="45" customHeight="1" x14ac:dyDescent="0.15">
      <c r="A119" s="6" t="s">
        <v>1086</v>
      </c>
      <c r="B119" s="6" t="s">
        <v>1596</v>
      </c>
      <c r="C119" s="6" t="s">
        <v>1597</v>
      </c>
      <c r="D119" s="6" t="s">
        <v>1010</v>
      </c>
      <c r="E119" s="6" t="s">
        <v>1598</v>
      </c>
      <c r="F119" s="6"/>
      <c r="G119" s="6" t="s">
        <v>1599</v>
      </c>
      <c r="H119" s="6" t="s">
        <v>1600</v>
      </c>
      <c r="I119" s="6" t="s">
        <v>1601</v>
      </c>
    </row>
    <row r="120" spans="1:9" ht="45" customHeight="1" x14ac:dyDescent="0.15">
      <c r="A120" s="6" t="s">
        <v>1086</v>
      </c>
      <c r="B120" s="6" t="s">
        <v>1244</v>
      </c>
      <c r="C120" s="6" t="s">
        <v>1245</v>
      </c>
      <c r="D120" s="6" t="s">
        <v>1246</v>
      </c>
      <c r="E120" s="6" t="s">
        <v>1247</v>
      </c>
      <c r="F120" s="6"/>
      <c r="G120" s="6" t="s">
        <v>1248</v>
      </c>
      <c r="H120" s="6" t="s">
        <v>1395</v>
      </c>
      <c r="I120" s="6" t="s">
        <v>1396</v>
      </c>
    </row>
    <row r="121" spans="1:9" ht="45" customHeight="1" x14ac:dyDescent="0.15">
      <c r="A121" s="6" t="s">
        <v>1086</v>
      </c>
      <c r="B121" s="20" t="s">
        <v>1798</v>
      </c>
      <c r="C121" s="20" t="s">
        <v>1805</v>
      </c>
      <c r="D121" s="20" t="s">
        <v>1799</v>
      </c>
      <c r="E121" s="20" t="s">
        <v>1800</v>
      </c>
      <c r="F121" s="20" t="s">
        <v>1801</v>
      </c>
      <c r="G121" s="20" t="s">
        <v>1802</v>
      </c>
      <c r="H121" s="20" t="s">
        <v>1803</v>
      </c>
      <c r="I121" s="20" t="s">
        <v>1804</v>
      </c>
    </row>
    <row r="122" spans="1:9" ht="45" customHeight="1" x14ac:dyDescent="0.15">
      <c r="A122" s="6" t="s">
        <v>1087</v>
      </c>
      <c r="B122" s="6" t="s">
        <v>5</v>
      </c>
      <c r="C122" s="6" t="s">
        <v>8</v>
      </c>
      <c r="D122" s="6" t="s">
        <v>6</v>
      </c>
      <c r="E122" s="6" t="s">
        <v>7</v>
      </c>
      <c r="F122" s="6"/>
      <c r="G122" s="6" t="s">
        <v>9</v>
      </c>
      <c r="H122" s="6" t="s">
        <v>10</v>
      </c>
      <c r="I122" s="6" t="s">
        <v>4</v>
      </c>
    </row>
    <row r="123" spans="1:9" ht="45" customHeight="1" x14ac:dyDescent="0.15">
      <c r="A123" s="6" t="s">
        <v>1087</v>
      </c>
      <c r="B123" s="6" t="s">
        <v>11</v>
      </c>
      <c r="C123" s="6" t="s">
        <v>14</v>
      </c>
      <c r="D123" s="6" t="s">
        <v>12</v>
      </c>
      <c r="E123" s="6" t="s">
        <v>13</v>
      </c>
      <c r="F123" s="6"/>
      <c r="G123" s="6" t="s">
        <v>15</v>
      </c>
      <c r="H123" s="6" t="s">
        <v>16</v>
      </c>
      <c r="I123" s="6" t="s">
        <v>4</v>
      </c>
    </row>
    <row r="124" spans="1:9" ht="45" customHeight="1" x14ac:dyDescent="0.15">
      <c r="A124" s="6" t="s">
        <v>1087</v>
      </c>
      <c r="B124" s="6" t="s">
        <v>17</v>
      </c>
      <c r="C124" s="6" t="s">
        <v>20</v>
      </c>
      <c r="D124" s="6" t="s">
        <v>18</v>
      </c>
      <c r="E124" s="6" t="s">
        <v>19</v>
      </c>
      <c r="F124" s="6"/>
      <c r="G124" s="6" t="s">
        <v>21</v>
      </c>
      <c r="H124" s="6" t="s">
        <v>22</v>
      </c>
      <c r="I124" s="6" t="s">
        <v>4</v>
      </c>
    </row>
    <row r="125" spans="1:9" ht="45" customHeight="1" x14ac:dyDescent="0.15">
      <c r="A125" s="6" t="s">
        <v>1087</v>
      </c>
      <c r="B125" s="6" t="s">
        <v>26</v>
      </c>
      <c r="C125" s="6" t="s">
        <v>27</v>
      </c>
      <c r="D125" s="6" t="s">
        <v>1249</v>
      </c>
      <c r="E125" s="6" t="s">
        <v>1692</v>
      </c>
      <c r="F125" s="6"/>
      <c r="G125" s="6" t="s">
        <v>28</v>
      </c>
      <c r="H125" s="6" t="s">
        <v>29</v>
      </c>
      <c r="I125" s="6" t="s">
        <v>1397</v>
      </c>
    </row>
    <row r="126" spans="1:9" ht="45" customHeight="1" x14ac:dyDescent="0.15">
      <c r="A126" s="6" t="s">
        <v>1087</v>
      </c>
      <c r="B126" s="6" t="s">
        <v>30</v>
      </c>
      <c r="C126" s="6" t="s">
        <v>32</v>
      </c>
      <c r="D126" s="6" t="s">
        <v>31</v>
      </c>
      <c r="E126" s="6" t="s">
        <v>33</v>
      </c>
      <c r="F126" s="6"/>
      <c r="G126" s="6" t="s">
        <v>34</v>
      </c>
      <c r="H126" s="6" t="s">
        <v>35</v>
      </c>
      <c r="I126" s="6" t="s">
        <v>4</v>
      </c>
    </row>
    <row r="127" spans="1:9" ht="45" customHeight="1" x14ac:dyDescent="0.15">
      <c r="A127" s="6" t="s">
        <v>1087</v>
      </c>
      <c r="B127" s="6" t="s">
        <v>36</v>
      </c>
      <c r="C127" s="6" t="s">
        <v>37</v>
      </c>
      <c r="D127" s="6" t="s">
        <v>38</v>
      </c>
      <c r="E127" s="6" t="s">
        <v>39</v>
      </c>
      <c r="F127" s="6" t="s">
        <v>40</v>
      </c>
      <c r="G127" s="6" t="s">
        <v>41</v>
      </c>
      <c r="H127" s="6" t="s">
        <v>42</v>
      </c>
      <c r="I127" s="6" t="s">
        <v>4</v>
      </c>
    </row>
    <row r="128" spans="1:9" ht="45" customHeight="1" x14ac:dyDescent="0.15">
      <c r="A128" s="6" t="s">
        <v>1087</v>
      </c>
      <c r="B128" s="6" t="s">
        <v>1250</v>
      </c>
      <c r="C128" s="6" t="s">
        <v>1251</v>
      </c>
      <c r="D128" s="6" t="s">
        <v>23</v>
      </c>
      <c r="E128" s="6" t="s">
        <v>1252</v>
      </c>
      <c r="F128" s="6" t="s">
        <v>1253</v>
      </c>
      <c r="G128" s="6" t="s">
        <v>24</v>
      </c>
      <c r="H128" s="6" t="s">
        <v>25</v>
      </c>
      <c r="I128" s="6" t="s">
        <v>1389</v>
      </c>
    </row>
    <row r="129" spans="1:9" ht="45" customHeight="1" x14ac:dyDescent="0.15">
      <c r="A129" s="6" t="s">
        <v>1087</v>
      </c>
      <c r="B129" s="6" t="s">
        <v>1254</v>
      </c>
      <c r="C129" s="6" t="s">
        <v>1255</v>
      </c>
      <c r="D129" s="6" t="s">
        <v>1256</v>
      </c>
      <c r="E129" s="6" t="s">
        <v>1257</v>
      </c>
      <c r="F129" s="6" t="s">
        <v>1258</v>
      </c>
      <c r="G129" s="6" t="s">
        <v>1259</v>
      </c>
      <c r="H129" s="6" t="s">
        <v>1398</v>
      </c>
      <c r="I129" s="6" t="s">
        <v>1370</v>
      </c>
    </row>
    <row r="130" spans="1:9" ht="45" customHeight="1" x14ac:dyDescent="0.15">
      <c r="A130" s="6" t="s">
        <v>1087</v>
      </c>
      <c r="B130" s="6" t="s">
        <v>1499</v>
      </c>
      <c r="C130" s="6" t="s">
        <v>1500</v>
      </c>
      <c r="D130" s="6" t="s">
        <v>6</v>
      </c>
      <c r="E130" s="6" t="s">
        <v>1501</v>
      </c>
      <c r="F130" s="6"/>
      <c r="G130" s="6" t="s">
        <v>1502</v>
      </c>
      <c r="H130" s="6" t="s">
        <v>1503</v>
      </c>
      <c r="I130" s="6" t="s">
        <v>1504</v>
      </c>
    </row>
    <row r="131" spans="1:9" ht="45" customHeight="1" x14ac:dyDescent="0.15">
      <c r="A131" s="6" t="s">
        <v>1087</v>
      </c>
      <c r="B131" s="6" t="s">
        <v>1479</v>
      </c>
      <c r="C131" s="6" t="s">
        <v>1169</v>
      </c>
      <c r="D131" s="6" t="s">
        <v>1480</v>
      </c>
      <c r="E131" s="6" t="s">
        <v>1481</v>
      </c>
      <c r="F131" s="6"/>
      <c r="G131" s="6" t="s">
        <v>1482</v>
      </c>
      <c r="H131" s="6" t="s">
        <v>1483</v>
      </c>
      <c r="I131" s="6" t="s">
        <v>1484</v>
      </c>
    </row>
    <row r="132" spans="1:9" ht="45" customHeight="1" x14ac:dyDescent="0.15">
      <c r="A132" s="6" t="s">
        <v>1087</v>
      </c>
      <c r="B132" s="6" t="s">
        <v>1555</v>
      </c>
      <c r="C132" s="6" t="s">
        <v>611</v>
      </c>
      <c r="D132" s="6" t="s">
        <v>1556</v>
      </c>
      <c r="E132" s="6" t="s">
        <v>1557</v>
      </c>
      <c r="F132" s="6"/>
      <c r="G132" s="6" t="s">
        <v>1558</v>
      </c>
      <c r="H132" s="6" t="s">
        <v>1559</v>
      </c>
      <c r="I132" s="6" t="s">
        <v>1554</v>
      </c>
    </row>
    <row r="133" spans="1:9" ht="45" customHeight="1" x14ac:dyDescent="0.15">
      <c r="A133" s="6" t="s">
        <v>1087</v>
      </c>
      <c r="B133" s="6" t="s">
        <v>1589</v>
      </c>
      <c r="C133" s="6" t="s">
        <v>1590</v>
      </c>
      <c r="D133" s="6" t="s">
        <v>3</v>
      </c>
      <c r="E133" s="6" t="s">
        <v>1591</v>
      </c>
      <c r="F133" s="6" t="s">
        <v>1592</v>
      </c>
      <c r="G133" s="6" t="s">
        <v>1593</v>
      </c>
      <c r="H133" s="6" t="s">
        <v>1594</v>
      </c>
      <c r="I133" s="6" t="s">
        <v>1595</v>
      </c>
    </row>
    <row r="134" spans="1:9" ht="45" customHeight="1" x14ac:dyDescent="0.15">
      <c r="A134" s="6" t="s">
        <v>1707</v>
      </c>
      <c r="B134" s="17" t="s">
        <v>1706</v>
      </c>
      <c r="C134" s="16" t="s">
        <v>1709</v>
      </c>
      <c r="D134" s="16" t="s">
        <v>18</v>
      </c>
      <c r="E134" s="6" t="s">
        <v>1708</v>
      </c>
      <c r="F134" s="6"/>
      <c r="G134" s="16" t="s">
        <v>1710</v>
      </c>
      <c r="H134" s="16" t="s">
        <v>1711</v>
      </c>
      <c r="I134" s="16" t="s">
        <v>1712</v>
      </c>
    </row>
    <row r="135" spans="1:9" ht="45" customHeight="1" x14ac:dyDescent="0.15">
      <c r="A135" s="6" t="s">
        <v>1707</v>
      </c>
      <c r="B135" s="22" t="s">
        <v>1823</v>
      </c>
      <c r="C135" s="16" t="s">
        <v>1816</v>
      </c>
      <c r="D135" s="16" t="s">
        <v>1817</v>
      </c>
      <c r="E135" s="16" t="s">
        <v>1818</v>
      </c>
      <c r="F135" s="6" t="s">
        <v>1819</v>
      </c>
      <c r="G135" s="17" t="s">
        <v>1820</v>
      </c>
      <c r="H135" s="17" t="s">
        <v>1821</v>
      </c>
      <c r="I135" s="17" t="s">
        <v>1822</v>
      </c>
    </row>
    <row r="136" spans="1:9" ht="45" customHeight="1" x14ac:dyDescent="0.15">
      <c r="A136" s="6" t="s">
        <v>1088</v>
      </c>
      <c r="B136" s="6" t="s">
        <v>44</v>
      </c>
      <c r="C136" s="6" t="s">
        <v>45</v>
      </c>
      <c r="D136" s="6" t="s">
        <v>46</v>
      </c>
      <c r="E136" s="6" t="s">
        <v>47</v>
      </c>
      <c r="F136" s="6"/>
      <c r="G136" s="6" t="s">
        <v>48</v>
      </c>
      <c r="H136" s="6" t="s">
        <v>49</v>
      </c>
      <c r="I136" s="6" t="s">
        <v>4</v>
      </c>
    </row>
    <row r="137" spans="1:9" ht="45" customHeight="1" x14ac:dyDescent="0.15">
      <c r="A137" s="6" t="s">
        <v>1088</v>
      </c>
      <c r="B137" s="6" t="s">
        <v>50</v>
      </c>
      <c r="C137" s="6" t="s">
        <v>53</v>
      </c>
      <c r="D137" s="6" t="s">
        <v>51</v>
      </c>
      <c r="E137" s="6" t="s">
        <v>52</v>
      </c>
      <c r="F137" s="6"/>
      <c r="G137" s="6" t="s">
        <v>54</v>
      </c>
      <c r="H137" s="6" t="s">
        <v>55</v>
      </c>
      <c r="I137" s="6" t="s">
        <v>4</v>
      </c>
    </row>
    <row r="138" spans="1:9" ht="45" customHeight="1" x14ac:dyDescent="0.15">
      <c r="A138" s="6" t="s">
        <v>1088</v>
      </c>
      <c r="B138" s="6" t="s">
        <v>56</v>
      </c>
      <c r="C138" s="6" t="s">
        <v>58</v>
      </c>
      <c r="D138" s="6" t="s">
        <v>46</v>
      </c>
      <c r="E138" s="6" t="s">
        <v>57</v>
      </c>
      <c r="F138" s="6"/>
      <c r="G138" s="6" t="s">
        <v>59</v>
      </c>
      <c r="H138" s="6" t="s">
        <v>60</v>
      </c>
      <c r="I138" s="6" t="s">
        <v>4</v>
      </c>
    </row>
    <row r="139" spans="1:9" ht="45" customHeight="1" x14ac:dyDescent="0.15">
      <c r="A139" s="6" t="s">
        <v>1088</v>
      </c>
      <c r="B139" s="6" t="s">
        <v>61</v>
      </c>
      <c r="C139" s="6" t="s">
        <v>63</v>
      </c>
      <c r="D139" s="6" t="s">
        <v>64</v>
      </c>
      <c r="E139" s="6" t="s">
        <v>62</v>
      </c>
      <c r="F139" s="6"/>
      <c r="G139" s="6" t="s">
        <v>65</v>
      </c>
      <c r="H139" s="6" t="s">
        <v>66</v>
      </c>
      <c r="I139" s="6" t="s">
        <v>4</v>
      </c>
    </row>
    <row r="140" spans="1:9" ht="45" customHeight="1" x14ac:dyDescent="0.15">
      <c r="A140" s="6" t="s">
        <v>1088</v>
      </c>
      <c r="B140" s="6" t="s">
        <v>67</v>
      </c>
      <c r="C140" s="6" t="s">
        <v>68</v>
      </c>
      <c r="D140" s="6" t="s">
        <v>69</v>
      </c>
      <c r="E140" s="6" t="s">
        <v>70</v>
      </c>
      <c r="F140" s="6" t="s">
        <v>71</v>
      </c>
      <c r="G140" s="6" t="s">
        <v>72</v>
      </c>
      <c r="H140" s="6" t="s">
        <v>73</v>
      </c>
      <c r="I140" s="6" t="s">
        <v>4</v>
      </c>
    </row>
    <row r="141" spans="1:9" ht="45" customHeight="1" x14ac:dyDescent="0.15">
      <c r="A141" s="6" t="s">
        <v>1088</v>
      </c>
      <c r="B141" s="6" t="s">
        <v>1144</v>
      </c>
      <c r="C141" s="6" t="s">
        <v>1148</v>
      </c>
      <c r="D141" s="6" t="s">
        <v>1145</v>
      </c>
      <c r="E141" s="6" t="s">
        <v>1146</v>
      </c>
      <c r="F141" s="6" t="s">
        <v>1147</v>
      </c>
      <c r="G141" s="6" t="s">
        <v>1149</v>
      </c>
      <c r="H141" s="6" t="s">
        <v>1150</v>
      </c>
      <c r="I141" s="6" t="s">
        <v>1131</v>
      </c>
    </row>
    <row r="142" spans="1:9" ht="45" customHeight="1" x14ac:dyDescent="0.15">
      <c r="A142" s="6" t="s">
        <v>1088</v>
      </c>
      <c r="B142" s="6" t="s">
        <v>74</v>
      </c>
      <c r="C142" s="6" t="s">
        <v>75</v>
      </c>
      <c r="D142" s="6" t="s">
        <v>76</v>
      </c>
      <c r="E142" s="6" t="s">
        <v>1505</v>
      </c>
      <c r="F142" s="6"/>
      <c r="G142" s="6" t="s">
        <v>1748</v>
      </c>
      <c r="H142" s="6" t="s">
        <v>77</v>
      </c>
      <c r="I142" s="6" t="s">
        <v>4</v>
      </c>
    </row>
    <row r="143" spans="1:9" ht="45" customHeight="1" x14ac:dyDescent="0.15">
      <c r="A143" s="6" t="s">
        <v>1088</v>
      </c>
      <c r="B143" s="6" t="s">
        <v>79</v>
      </c>
      <c r="C143" s="6" t="s">
        <v>80</v>
      </c>
      <c r="D143" s="6" t="s">
        <v>81</v>
      </c>
      <c r="E143" s="6" t="s">
        <v>82</v>
      </c>
      <c r="F143" s="6" t="s">
        <v>83</v>
      </c>
      <c r="G143" s="6" t="s">
        <v>84</v>
      </c>
      <c r="H143" s="6" t="s">
        <v>85</v>
      </c>
      <c r="I143" s="6" t="s">
        <v>4</v>
      </c>
    </row>
    <row r="144" spans="1:9" ht="45" customHeight="1" x14ac:dyDescent="0.15">
      <c r="A144" s="6" t="s">
        <v>1088</v>
      </c>
      <c r="B144" s="6" t="s">
        <v>1287</v>
      </c>
      <c r="C144" s="6" t="s">
        <v>1288</v>
      </c>
      <c r="D144" s="6" t="s">
        <v>1289</v>
      </c>
      <c r="E144" s="6" t="s">
        <v>1290</v>
      </c>
      <c r="F144" s="6"/>
      <c r="G144" s="6" t="s">
        <v>1291</v>
      </c>
      <c r="H144" s="6" t="s">
        <v>1405</v>
      </c>
      <c r="I144" s="6" t="s">
        <v>1406</v>
      </c>
    </row>
    <row r="145" spans="1:9" ht="45" customHeight="1" x14ac:dyDescent="0.15">
      <c r="A145" s="6" t="s">
        <v>1714</v>
      </c>
      <c r="B145" s="16" t="s">
        <v>1713</v>
      </c>
      <c r="C145" s="16" t="s">
        <v>1310</v>
      </c>
      <c r="D145" s="16" t="s">
        <v>1715</v>
      </c>
      <c r="E145" s="6" t="s">
        <v>1716</v>
      </c>
      <c r="F145" s="6"/>
      <c r="G145" s="16" t="s">
        <v>1717</v>
      </c>
      <c r="H145" s="16" t="s">
        <v>1718</v>
      </c>
      <c r="I145" s="16" t="s">
        <v>1719</v>
      </c>
    </row>
    <row r="146" spans="1:9" ht="45" customHeight="1" x14ac:dyDescent="0.15">
      <c r="A146" s="6" t="s">
        <v>1088</v>
      </c>
      <c r="B146" s="11">
        <v>2371404209</v>
      </c>
      <c r="C146" s="6" t="s">
        <v>1673</v>
      </c>
      <c r="D146" s="6" t="s">
        <v>1674</v>
      </c>
      <c r="E146" s="6" t="s">
        <v>1675</v>
      </c>
      <c r="F146" s="6"/>
      <c r="G146" s="6" t="s">
        <v>1676</v>
      </c>
      <c r="H146" s="6" t="s">
        <v>1677</v>
      </c>
      <c r="I146" s="13">
        <v>44176</v>
      </c>
    </row>
    <row r="147" spans="1:9" ht="45" customHeight="1" x14ac:dyDescent="0.15">
      <c r="A147" s="6" t="s">
        <v>1089</v>
      </c>
      <c r="B147" s="6" t="s">
        <v>93</v>
      </c>
      <c r="C147" s="6" t="s">
        <v>94</v>
      </c>
      <c r="D147" s="6" t="s">
        <v>1260</v>
      </c>
      <c r="E147" s="6" t="s">
        <v>1261</v>
      </c>
      <c r="F147" s="6"/>
      <c r="G147" s="6" t="s">
        <v>95</v>
      </c>
      <c r="H147" s="6" t="s">
        <v>96</v>
      </c>
      <c r="I147" s="6" t="s">
        <v>4</v>
      </c>
    </row>
    <row r="148" spans="1:9" ht="45" customHeight="1" x14ac:dyDescent="0.15">
      <c r="A148" s="6" t="s">
        <v>1089</v>
      </c>
      <c r="B148" s="6" t="s">
        <v>97</v>
      </c>
      <c r="C148" s="6" t="s">
        <v>98</v>
      </c>
      <c r="D148" s="6" t="s">
        <v>99</v>
      </c>
      <c r="E148" s="6" t="s">
        <v>100</v>
      </c>
      <c r="F148" s="6"/>
      <c r="G148" s="6" t="s">
        <v>101</v>
      </c>
      <c r="H148" s="6" t="s">
        <v>102</v>
      </c>
      <c r="I148" s="6" t="s">
        <v>4</v>
      </c>
    </row>
    <row r="149" spans="1:9" ht="45" customHeight="1" x14ac:dyDescent="0.15">
      <c r="A149" s="6" t="s">
        <v>1089</v>
      </c>
      <c r="B149" s="6" t="s">
        <v>103</v>
      </c>
      <c r="C149" s="6" t="s">
        <v>104</v>
      </c>
      <c r="D149" s="6" t="s">
        <v>105</v>
      </c>
      <c r="E149" s="6" t="s">
        <v>106</v>
      </c>
      <c r="F149" s="6" t="s">
        <v>107</v>
      </c>
      <c r="G149" s="6" t="s">
        <v>108</v>
      </c>
      <c r="H149" s="6" t="s">
        <v>109</v>
      </c>
      <c r="I149" s="6" t="s">
        <v>4</v>
      </c>
    </row>
    <row r="150" spans="1:9" ht="45" customHeight="1" x14ac:dyDescent="0.15">
      <c r="A150" s="6" t="s">
        <v>1089</v>
      </c>
      <c r="B150" s="6" t="s">
        <v>110</v>
      </c>
      <c r="C150" s="6" t="s">
        <v>113</v>
      </c>
      <c r="D150" s="6" t="s">
        <v>111</v>
      </c>
      <c r="E150" s="6" t="s">
        <v>112</v>
      </c>
      <c r="F150" s="6"/>
      <c r="G150" s="6" t="s">
        <v>114</v>
      </c>
      <c r="H150" s="6" t="s">
        <v>115</v>
      </c>
      <c r="I150" s="6" t="s">
        <v>4</v>
      </c>
    </row>
    <row r="151" spans="1:9" ht="45" customHeight="1" x14ac:dyDescent="0.15">
      <c r="A151" s="6" t="s">
        <v>1089</v>
      </c>
      <c r="B151" s="6" t="s">
        <v>116</v>
      </c>
      <c r="C151" s="6" t="s">
        <v>118</v>
      </c>
      <c r="D151" s="6" t="s">
        <v>92</v>
      </c>
      <c r="E151" s="6" t="s">
        <v>117</v>
      </c>
      <c r="F151" s="6"/>
      <c r="G151" s="6" t="s">
        <v>119</v>
      </c>
      <c r="H151" s="6" t="s">
        <v>120</v>
      </c>
      <c r="I151" s="6" t="s">
        <v>4</v>
      </c>
    </row>
    <row r="152" spans="1:9" ht="45" customHeight="1" x14ac:dyDescent="0.15">
      <c r="A152" s="6" t="s">
        <v>1089</v>
      </c>
      <c r="B152" s="6" t="s">
        <v>1041</v>
      </c>
      <c r="C152" s="6" t="s">
        <v>1044</v>
      </c>
      <c r="D152" s="6" t="s">
        <v>1042</v>
      </c>
      <c r="E152" s="6" t="s">
        <v>1043</v>
      </c>
      <c r="F152" s="6"/>
      <c r="G152" s="6" t="s">
        <v>1045</v>
      </c>
      <c r="H152" s="6" t="s">
        <v>1046</v>
      </c>
      <c r="I152" s="6" t="s">
        <v>4</v>
      </c>
    </row>
    <row r="153" spans="1:9" ht="45" customHeight="1" x14ac:dyDescent="0.15">
      <c r="A153" s="6" t="s">
        <v>1089</v>
      </c>
      <c r="B153" s="6" t="s">
        <v>1262</v>
      </c>
      <c r="C153" s="6" t="s">
        <v>1263</v>
      </c>
      <c r="D153" s="6" t="s">
        <v>1264</v>
      </c>
      <c r="E153" s="6" t="s">
        <v>1265</v>
      </c>
      <c r="F153" s="6"/>
      <c r="G153" s="6" t="s">
        <v>1266</v>
      </c>
      <c r="H153" s="6"/>
      <c r="I153" s="6" t="s">
        <v>1399</v>
      </c>
    </row>
    <row r="154" spans="1:9" ht="45" customHeight="1" x14ac:dyDescent="0.15">
      <c r="A154" s="6" t="s">
        <v>1089</v>
      </c>
      <c r="B154" s="6" t="s">
        <v>1267</v>
      </c>
      <c r="C154" s="6" t="s">
        <v>1268</v>
      </c>
      <c r="D154" s="6" t="s">
        <v>92</v>
      </c>
      <c r="E154" s="6" t="s">
        <v>1269</v>
      </c>
      <c r="F154" s="6" t="s">
        <v>1270</v>
      </c>
      <c r="G154" s="6" t="s">
        <v>1271</v>
      </c>
      <c r="H154" s="6" t="s">
        <v>1400</v>
      </c>
      <c r="I154" s="6" t="s">
        <v>1379</v>
      </c>
    </row>
    <row r="155" spans="1:9" ht="45" customHeight="1" x14ac:dyDescent="0.15">
      <c r="A155" s="6" t="s">
        <v>1089</v>
      </c>
      <c r="B155" s="6" t="s">
        <v>1439</v>
      </c>
      <c r="C155" s="6" t="s">
        <v>1440</v>
      </c>
      <c r="D155" s="6" t="s">
        <v>1441</v>
      </c>
      <c r="E155" s="6" t="s">
        <v>1442</v>
      </c>
      <c r="F155" s="6" t="s">
        <v>1443</v>
      </c>
      <c r="G155" s="6" t="s">
        <v>1444</v>
      </c>
      <c r="H155" s="6" t="s">
        <v>1445</v>
      </c>
      <c r="I155" s="6" t="s">
        <v>1446</v>
      </c>
    </row>
    <row r="156" spans="1:9" ht="45" customHeight="1" x14ac:dyDescent="0.15">
      <c r="A156" s="6" t="s">
        <v>1089</v>
      </c>
      <c r="B156" s="6" t="s">
        <v>1447</v>
      </c>
      <c r="C156" s="6" t="s">
        <v>1448</v>
      </c>
      <c r="D156" s="6" t="s">
        <v>1449</v>
      </c>
      <c r="E156" s="6" t="s">
        <v>1450</v>
      </c>
      <c r="F156" s="6" t="s">
        <v>1451</v>
      </c>
      <c r="G156" s="6" t="s">
        <v>1452</v>
      </c>
      <c r="H156" s="6"/>
      <c r="I156" s="6" t="s">
        <v>1453</v>
      </c>
    </row>
    <row r="157" spans="1:9" ht="45" customHeight="1" x14ac:dyDescent="0.15">
      <c r="A157" s="6" t="s">
        <v>1089</v>
      </c>
      <c r="B157" s="6" t="s">
        <v>1602</v>
      </c>
      <c r="C157" s="6" t="s">
        <v>1603</v>
      </c>
      <c r="D157" s="6" t="s">
        <v>1604</v>
      </c>
      <c r="E157" s="6" t="s">
        <v>1605</v>
      </c>
      <c r="F157" s="6"/>
      <c r="G157" s="6" t="s">
        <v>1606</v>
      </c>
      <c r="H157" s="6" t="s">
        <v>1607</v>
      </c>
      <c r="I157" s="6" t="s">
        <v>1608</v>
      </c>
    </row>
    <row r="158" spans="1:9" ht="45" customHeight="1" x14ac:dyDescent="0.15">
      <c r="A158" s="6" t="s">
        <v>1750</v>
      </c>
      <c r="B158" s="1" t="s">
        <v>1751</v>
      </c>
      <c r="C158" s="6" t="s">
        <v>1752</v>
      </c>
      <c r="D158" s="6" t="s">
        <v>1753</v>
      </c>
      <c r="E158" s="6" t="s">
        <v>1756</v>
      </c>
      <c r="F158" s="6"/>
      <c r="G158" s="6" t="s">
        <v>1754</v>
      </c>
      <c r="H158" s="6" t="s">
        <v>1755</v>
      </c>
      <c r="I158" s="12">
        <v>44344</v>
      </c>
    </row>
    <row r="159" spans="1:9" ht="45" customHeight="1" x14ac:dyDescent="0.15">
      <c r="A159" s="6" t="s">
        <v>1090</v>
      </c>
      <c r="B159" s="6" t="s">
        <v>121</v>
      </c>
      <c r="C159" s="6" t="s">
        <v>123</v>
      </c>
      <c r="D159" s="6" t="s">
        <v>122</v>
      </c>
      <c r="E159" s="6" t="s">
        <v>124</v>
      </c>
      <c r="F159" s="6"/>
      <c r="G159" s="6" t="s">
        <v>125</v>
      </c>
      <c r="H159" s="6" t="s">
        <v>126</v>
      </c>
      <c r="I159" s="6" t="s">
        <v>4</v>
      </c>
    </row>
    <row r="160" spans="1:9" ht="45" customHeight="1" x14ac:dyDescent="0.15">
      <c r="A160" s="6" t="s">
        <v>1090</v>
      </c>
      <c r="B160" s="6" t="s">
        <v>127</v>
      </c>
      <c r="C160" s="6" t="s">
        <v>130</v>
      </c>
      <c r="D160" s="6" t="s">
        <v>128</v>
      </c>
      <c r="E160" s="6" t="s">
        <v>129</v>
      </c>
      <c r="F160" s="6"/>
      <c r="G160" s="6" t="s">
        <v>131</v>
      </c>
      <c r="H160" s="6" t="s">
        <v>132</v>
      </c>
      <c r="I160" s="6" t="s">
        <v>4</v>
      </c>
    </row>
    <row r="161" spans="1:9" ht="45" customHeight="1" x14ac:dyDescent="0.15">
      <c r="A161" s="6" t="s">
        <v>1090</v>
      </c>
      <c r="B161" s="6" t="s">
        <v>139</v>
      </c>
      <c r="C161" s="6" t="s">
        <v>143</v>
      </c>
      <c r="D161" s="6" t="s">
        <v>140</v>
      </c>
      <c r="E161" s="6" t="s">
        <v>141</v>
      </c>
      <c r="F161" s="6" t="s">
        <v>142</v>
      </c>
      <c r="G161" s="6" t="s">
        <v>144</v>
      </c>
      <c r="H161" s="6" t="s">
        <v>145</v>
      </c>
      <c r="I161" s="6" t="s">
        <v>4</v>
      </c>
    </row>
    <row r="162" spans="1:9" ht="45" customHeight="1" x14ac:dyDescent="0.15">
      <c r="A162" s="6" t="s">
        <v>1090</v>
      </c>
      <c r="B162" s="6" t="s">
        <v>146</v>
      </c>
      <c r="C162" s="6" t="s">
        <v>149</v>
      </c>
      <c r="D162" s="6" t="s">
        <v>147</v>
      </c>
      <c r="E162" s="6" t="s">
        <v>148</v>
      </c>
      <c r="F162" s="6"/>
      <c r="G162" s="6" t="s">
        <v>150</v>
      </c>
      <c r="H162" s="6" t="s">
        <v>151</v>
      </c>
      <c r="I162" s="6" t="s">
        <v>4</v>
      </c>
    </row>
    <row r="163" spans="1:9" ht="45" customHeight="1" x14ac:dyDescent="0.15">
      <c r="A163" s="6" t="s">
        <v>1090</v>
      </c>
      <c r="B163" s="6" t="s">
        <v>152</v>
      </c>
      <c r="C163" s="6" t="s">
        <v>155</v>
      </c>
      <c r="D163" s="6" t="s">
        <v>153</v>
      </c>
      <c r="E163" s="6" t="s">
        <v>154</v>
      </c>
      <c r="F163" s="6"/>
      <c r="G163" s="6" t="s">
        <v>156</v>
      </c>
      <c r="H163" s="6" t="s">
        <v>157</v>
      </c>
      <c r="I163" s="6" t="s">
        <v>4</v>
      </c>
    </row>
    <row r="164" spans="1:9" ht="45" customHeight="1" x14ac:dyDescent="0.15">
      <c r="A164" s="6" t="s">
        <v>1090</v>
      </c>
      <c r="B164" s="6" t="s">
        <v>1047</v>
      </c>
      <c r="C164" s="6" t="s">
        <v>1048</v>
      </c>
      <c r="D164" s="6" t="s">
        <v>122</v>
      </c>
      <c r="E164" s="6" t="s">
        <v>1049</v>
      </c>
      <c r="F164" s="6"/>
      <c r="G164" s="6" t="s">
        <v>1050</v>
      </c>
      <c r="H164" s="6" t="s">
        <v>1051</v>
      </c>
      <c r="I164" s="6" t="s">
        <v>4</v>
      </c>
    </row>
    <row r="165" spans="1:9" ht="45" customHeight="1" x14ac:dyDescent="0.15">
      <c r="A165" s="6" t="s">
        <v>1090</v>
      </c>
      <c r="B165" s="6" t="s">
        <v>1272</v>
      </c>
      <c r="C165" s="6" t="s">
        <v>78</v>
      </c>
      <c r="D165" s="6" t="s">
        <v>1273</v>
      </c>
      <c r="E165" s="6" t="s">
        <v>1274</v>
      </c>
      <c r="F165" s="6" t="s">
        <v>1275</v>
      </c>
      <c r="G165" s="6" t="s">
        <v>1276</v>
      </c>
      <c r="H165" s="6" t="s">
        <v>1401</v>
      </c>
      <c r="I165" s="6" t="s">
        <v>1386</v>
      </c>
    </row>
    <row r="166" spans="1:9" ht="45" customHeight="1" x14ac:dyDescent="0.15">
      <c r="A166" s="6" t="s">
        <v>1090</v>
      </c>
      <c r="B166" s="6" t="s">
        <v>1277</v>
      </c>
      <c r="C166" s="6" t="s">
        <v>1278</v>
      </c>
      <c r="D166" s="6" t="s">
        <v>1279</v>
      </c>
      <c r="E166" s="6" t="s">
        <v>1280</v>
      </c>
      <c r="F166" s="6"/>
      <c r="G166" s="6" t="s">
        <v>1281</v>
      </c>
      <c r="H166" s="6"/>
      <c r="I166" s="6" t="s">
        <v>1396</v>
      </c>
    </row>
    <row r="167" spans="1:9" ht="45" customHeight="1" x14ac:dyDescent="0.15">
      <c r="A167" s="6" t="s">
        <v>1091</v>
      </c>
      <c r="B167" s="6" t="s">
        <v>1282</v>
      </c>
      <c r="C167" s="6" t="s">
        <v>1283</v>
      </c>
      <c r="D167" s="6" t="s">
        <v>1284</v>
      </c>
      <c r="E167" s="6" t="s">
        <v>1285</v>
      </c>
      <c r="F167" s="6"/>
      <c r="G167" s="6" t="s">
        <v>1286</v>
      </c>
      <c r="H167" s="6" t="s">
        <v>1402</v>
      </c>
      <c r="I167" s="6" t="s">
        <v>1403</v>
      </c>
    </row>
    <row r="168" spans="1:9" ht="45" customHeight="1" x14ac:dyDescent="0.15">
      <c r="A168" s="6" t="s">
        <v>1091</v>
      </c>
      <c r="B168" s="6" t="s">
        <v>1609</v>
      </c>
      <c r="C168" s="6" t="s">
        <v>1610</v>
      </c>
      <c r="D168" s="6" t="s">
        <v>1611</v>
      </c>
      <c r="E168" s="6" t="s">
        <v>1612</v>
      </c>
      <c r="F168" s="6" t="s">
        <v>1613</v>
      </c>
      <c r="G168" s="6" t="s">
        <v>1614</v>
      </c>
      <c r="H168" s="6" t="s">
        <v>1615</v>
      </c>
      <c r="I168" s="6" t="s">
        <v>1616</v>
      </c>
    </row>
    <row r="169" spans="1:9" ht="45" customHeight="1" x14ac:dyDescent="0.15">
      <c r="A169" s="6" t="s">
        <v>1091</v>
      </c>
      <c r="B169" s="6" t="s">
        <v>1806</v>
      </c>
      <c r="C169" s="1" t="s">
        <v>1809</v>
      </c>
      <c r="D169" s="16" t="s">
        <v>1807</v>
      </c>
      <c r="E169" s="16" t="s">
        <v>1808</v>
      </c>
      <c r="F169" s="6"/>
      <c r="G169" s="16" t="s">
        <v>1810</v>
      </c>
      <c r="H169" s="16" t="s">
        <v>1811</v>
      </c>
      <c r="I169" s="16" t="s">
        <v>1812</v>
      </c>
    </row>
    <row r="170" spans="1:9" ht="45" customHeight="1" x14ac:dyDescent="0.15">
      <c r="A170" s="6" t="s">
        <v>1091</v>
      </c>
      <c r="B170" s="6" t="s">
        <v>1485</v>
      </c>
      <c r="C170" s="6" t="s">
        <v>1486</v>
      </c>
      <c r="D170" s="6" t="s">
        <v>1487</v>
      </c>
      <c r="E170" s="6" t="s">
        <v>1488</v>
      </c>
      <c r="F170" s="6"/>
      <c r="G170" s="6" t="s">
        <v>1489</v>
      </c>
      <c r="H170" s="6" t="s">
        <v>1490</v>
      </c>
      <c r="I170" s="6" t="s">
        <v>1491</v>
      </c>
    </row>
    <row r="171" spans="1:9" ht="45" customHeight="1" x14ac:dyDescent="0.15">
      <c r="A171" s="6" t="s">
        <v>1091</v>
      </c>
      <c r="B171" s="6" t="s">
        <v>1454</v>
      </c>
      <c r="C171" s="6" t="s">
        <v>1455</v>
      </c>
      <c r="D171" s="6" t="s">
        <v>1456</v>
      </c>
      <c r="E171" s="6" t="s">
        <v>1457</v>
      </c>
      <c r="F171" s="6"/>
      <c r="G171" s="6" t="s">
        <v>1458</v>
      </c>
      <c r="H171" s="6"/>
      <c r="I171" s="6" t="s">
        <v>1453</v>
      </c>
    </row>
    <row r="172" spans="1:9" ht="45" customHeight="1" x14ac:dyDescent="0.15">
      <c r="A172" s="6" t="s">
        <v>1091</v>
      </c>
      <c r="B172" s="6" t="s">
        <v>158</v>
      </c>
      <c r="C172" s="6" t="s">
        <v>161</v>
      </c>
      <c r="D172" s="6" t="s">
        <v>159</v>
      </c>
      <c r="E172" s="6" t="s">
        <v>160</v>
      </c>
      <c r="F172" s="6"/>
      <c r="G172" s="6" t="s">
        <v>162</v>
      </c>
      <c r="H172" s="6" t="s">
        <v>163</v>
      </c>
      <c r="I172" s="6" t="s">
        <v>4</v>
      </c>
    </row>
    <row r="173" spans="1:9" ht="45" customHeight="1" x14ac:dyDescent="0.15">
      <c r="A173" s="6" t="s">
        <v>1091</v>
      </c>
      <c r="B173" s="6" t="s">
        <v>164</v>
      </c>
      <c r="C173" s="6" t="s">
        <v>167</v>
      </c>
      <c r="D173" s="6" t="s">
        <v>165</v>
      </c>
      <c r="E173" s="6" t="s">
        <v>166</v>
      </c>
      <c r="F173" s="6"/>
      <c r="G173" s="6" t="s">
        <v>168</v>
      </c>
      <c r="H173" s="6" t="s">
        <v>169</v>
      </c>
      <c r="I173" s="6" t="s">
        <v>4</v>
      </c>
    </row>
    <row r="174" spans="1:9" ht="45" customHeight="1" x14ac:dyDescent="0.15">
      <c r="A174" s="6" t="s">
        <v>1091</v>
      </c>
      <c r="B174" s="6" t="s">
        <v>170</v>
      </c>
      <c r="C174" s="6" t="s">
        <v>171</v>
      </c>
      <c r="D174" s="6" t="s">
        <v>172</v>
      </c>
      <c r="E174" s="6" t="s">
        <v>173</v>
      </c>
      <c r="F174" s="6"/>
      <c r="G174" s="6" t="s">
        <v>174</v>
      </c>
      <c r="H174" s="6" t="s">
        <v>175</v>
      </c>
      <c r="I174" s="6" t="s">
        <v>4</v>
      </c>
    </row>
    <row r="175" spans="1:9" ht="45" customHeight="1" x14ac:dyDescent="0.15">
      <c r="A175" s="6" t="s">
        <v>1091</v>
      </c>
      <c r="B175" s="6" t="s">
        <v>182</v>
      </c>
      <c r="C175" s="6" t="s">
        <v>183</v>
      </c>
      <c r="D175" s="6" t="s">
        <v>184</v>
      </c>
      <c r="E175" s="6" t="s">
        <v>185</v>
      </c>
      <c r="F175" s="6"/>
      <c r="G175" s="6" t="s">
        <v>186</v>
      </c>
      <c r="H175" s="6" t="s">
        <v>187</v>
      </c>
      <c r="I175" s="6" t="s">
        <v>4</v>
      </c>
    </row>
    <row r="176" spans="1:9" ht="45" customHeight="1" x14ac:dyDescent="0.15">
      <c r="A176" s="6" t="s">
        <v>1091</v>
      </c>
      <c r="B176" s="6" t="s">
        <v>188</v>
      </c>
      <c r="C176" s="6" t="s">
        <v>191</v>
      </c>
      <c r="D176" s="6" t="s">
        <v>189</v>
      </c>
      <c r="E176" s="6" t="s">
        <v>190</v>
      </c>
      <c r="F176" s="6"/>
      <c r="G176" s="6" t="s">
        <v>192</v>
      </c>
      <c r="H176" s="6" t="s">
        <v>193</v>
      </c>
      <c r="I176" s="6" t="s">
        <v>4</v>
      </c>
    </row>
    <row r="177" spans="1:9" ht="45" customHeight="1" x14ac:dyDescent="0.15">
      <c r="A177" s="6" t="s">
        <v>1091</v>
      </c>
      <c r="B177" s="6" t="s">
        <v>194</v>
      </c>
      <c r="C177" s="6" t="s">
        <v>196</v>
      </c>
      <c r="D177" s="6" t="s">
        <v>197</v>
      </c>
      <c r="E177" s="6" t="s">
        <v>195</v>
      </c>
      <c r="F177" s="6"/>
      <c r="G177" s="6" t="s">
        <v>198</v>
      </c>
      <c r="H177" s="6" t="s">
        <v>199</v>
      </c>
      <c r="I177" s="6" t="s">
        <v>4</v>
      </c>
    </row>
    <row r="178" spans="1:9" ht="45" customHeight="1" x14ac:dyDescent="0.15">
      <c r="A178" s="6" t="s">
        <v>1091</v>
      </c>
      <c r="B178" s="6" t="s">
        <v>1292</v>
      </c>
      <c r="C178" s="6" t="s">
        <v>1293</v>
      </c>
      <c r="D178" s="6" t="s">
        <v>1294</v>
      </c>
      <c r="E178" s="6" t="s">
        <v>1295</v>
      </c>
      <c r="F178" s="6"/>
      <c r="G178" s="6" t="s">
        <v>1296</v>
      </c>
      <c r="H178" s="6"/>
      <c r="I178" s="6" t="s">
        <v>1407</v>
      </c>
    </row>
    <row r="179" spans="1:9" ht="45" customHeight="1" x14ac:dyDescent="0.15">
      <c r="A179" s="6" t="s">
        <v>1091</v>
      </c>
      <c r="B179" s="6" t="s">
        <v>200</v>
      </c>
      <c r="C179" s="6" t="s">
        <v>201</v>
      </c>
      <c r="D179" s="6" t="s">
        <v>202</v>
      </c>
      <c r="E179" s="6" t="s">
        <v>203</v>
      </c>
      <c r="F179" s="6"/>
      <c r="G179" s="6" t="s">
        <v>204</v>
      </c>
      <c r="H179" s="6" t="s">
        <v>205</v>
      </c>
      <c r="I179" s="6" t="s">
        <v>4</v>
      </c>
    </row>
    <row r="180" spans="1:9" ht="45" customHeight="1" x14ac:dyDescent="0.15">
      <c r="A180" s="6" t="s">
        <v>1091</v>
      </c>
      <c r="B180" s="6" t="s">
        <v>206</v>
      </c>
      <c r="C180" s="6" t="s">
        <v>209</v>
      </c>
      <c r="D180" s="6" t="s">
        <v>207</v>
      </c>
      <c r="E180" s="6" t="s">
        <v>208</v>
      </c>
      <c r="F180" s="6"/>
      <c r="G180" s="6" t="s">
        <v>210</v>
      </c>
      <c r="H180" s="6" t="s">
        <v>211</v>
      </c>
      <c r="I180" s="6" t="s">
        <v>4</v>
      </c>
    </row>
    <row r="181" spans="1:9" ht="45" customHeight="1" x14ac:dyDescent="0.15">
      <c r="A181" s="6" t="s">
        <v>1091</v>
      </c>
      <c r="B181" s="6" t="s">
        <v>212</v>
      </c>
      <c r="C181" s="6" t="s">
        <v>215</v>
      </c>
      <c r="D181" s="6" t="s">
        <v>213</v>
      </c>
      <c r="E181" s="6" t="s">
        <v>214</v>
      </c>
      <c r="F181" s="6"/>
      <c r="G181" s="6" t="s">
        <v>216</v>
      </c>
      <c r="H181" s="6" t="s">
        <v>217</v>
      </c>
      <c r="I181" s="6" t="s">
        <v>4</v>
      </c>
    </row>
    <row r="182" spans="1:9" ht="45" customHeight="1" x14ac:dyDescent="0.15">
      <c r="A182" s="6" t="s">
        <v>1091</v>
      </c>
      <c r="B182" s="6" t="s">
        <v>218</v>
      </c>
      <c r="C182" s="6" t="s">
        <v>221</v>
      </c>
      <c r="D182" s="6" t="s">
        <v>219</v>
      </c>
      <c r="E182" s="6" t="s">
        <v>220</v>
      </c>
      <c r="F182" s="6"/>
      <c r="G182" s="6" t="s">
        <v>222</v>
      </c>
      <c r="H182" s="6" t="s">
        <v>223</v>
      </c>
      <c r="I182" s="6" t="s">
        <v>4</v>
      </c>
    </row>
    <row r="183" spans="1:9" ht="45" customHeight="1" x14ac:dyDescent="0.15">
      <c r="A183" s="6" t="s">
        <v>1091</v>
      </c>
      <c r="B183" s="6" t="s">
        <v>1297</v>
      </c>
      <c r="C183" s="6" t="s">
        <v>1298</v>
      </c>
      <c r="D183" s="6" t="s">
        <v>1299</v>
      </c>
      <c r="E183" s="6" t="s">
        <v>1300</v>
      </c>
      <c r="F183" s="6"/>
      <c r="G183" s="6" t="s">
        <v>1301</v>
      </c>
      <c r="H183" s="6" t="s">
        <v>1408</v>
      </c>
      <c r="I183" s="6" t="s">
        <v>1409</v>
      </c>
    </row>
    <row r="184" spans="1:9" ht="45" customHeight="1" x14ac:dyDescent="0.15">
      <c r="A184" s="6" t="s">
        <v>1091</v>
      </c>
      <c r="B184" s="6" t="s">
        <v>224</v>
      </c>
      <c r="C184" s="6" t="s">
        <v>227</v>
      </c>
      <c r="D184" s="6" t="s">
        <v>225</v>
      </c>
      <c r="E184" s="6" t="s">
        <v>226</v>
      </c>
      <c r="F184" s="6"/>
      <c r="G184" s="6" t="s">
        <v>228</v>
      </c>
      <c r="H184" s="6" t="s">
        <v>229</v>
      </c>
      <c r="I184" s="6" t="s">
        <v>4</v>
      </c>
    </row>
    <row r="185" spans="1:9" ht="45" customHeight="1" x14ac:dyDescent="0.15">
      <c r="A185" s="6" t="s">
        <v>1091</v>
      </c>
      <c r="B185" s="6" t="s">
        <v>230</v>
      </c>
      <c r="C185" s="6" t="s">
        <v>233</v>
      </c>
      <c r="D185" s="6" t="s">
        <v>231</v>
      </c>
      <c r="E185" s="6" t="s">
        <v>232</v>
      </c>
      <c r="F185" s="6"/>
      <c r="G185" s="6" t="s">
        <v>234</v>
      </c>
      <c r="H185" s="6" t="s">
        <v>235</v>
      </c>
      <c r="I185" s="6" t="s">
        <v>4</v>
      </c>
    </row>
    <row r="186" spans="1:9" ht="45" customHeight="1" x14ac:dyDescent="0.15">
      <c r="A186" s="6" t="s">
        <v>1091</v>
      </c>
      <c r="B186" s="6" t="s">
        <v>236</v>
      </c>
      <c r="C186" s="6" t="s">
        <v>239</v>
      </c>
      <c r="D186" s="6" t="s">
        <v>237</v>
      </c>
      <c r="E186" s="6" t="s">
        <v>238</v>
      </c>
      <c r="F186" s="6"/>
      <c r="G186" s="6" t="s">
        <v>240</v>
      </c>
      <c r="H186" s="6" t="s">
        <v>241</v>
      </c>
      <c r="I186" s="6" t="s">
        <v>4</v>
      </c>
    </row>
    <row r="187" spans="1:9" ht="45" customHeight="1" x14ac:dyDescent="0.15">
      <c r="A187" s="6" t="s">
        <v>1091</v>
      </c>
      <c r="B187" s="6" t="s">
        <v>248</v>
      </c>
      <c r="C187" s="6" t="s">
        <v>249</v>
      </c>
      <c r="D187" s="6" t="s">
        <v>250</v>
      </c>
      <c r="E187" s="6" t="s">
        <v>251</v>
      </c>
      <c r="F187" s="6"/>
      <c r="G187" s="6" t="s">
        <v>252</v>
      </c>
      <c r="H187" s="6" t="s">
        <v>253</v>
      </c>
      <c r="I187" s="6" t="s">
        <v>4</v>
      </c>
    </row>
    <row r="188" spans="1:9" ht="45" customHeight="1" x14ac:dyDescent="0.15">
      <c r="A188" s="6" t="s">
        <v>1091</v>
      </c>
      <c r="B188" s="6" t="s">
        <v>254</v>
      </c>
      <c r="C188" s="6" t="s">
        <v>255</v>
      </c>
      <c r="D188" s="6" t="s">
        <v>256</v>
      </c>
      <c r="E188" s="6" t="s">
        <v>257</v>
      </c>
      <c r="F188" s="6"/>
      <c r="G188" s="6" t="s">
        <v>258</v>
      </c>
      <c r="H188" s="6" t="s">
        <v>259</v>
      </c>
      <c r="I188" s="6" t="s">
        <v>4</v>
      </c>
    </row>
    <row r="189" spans="1:9" ht="45" customHeight="1" x14ac:dyDescent="0.15">
      <c r="A189" s="6" t="s">
        <v>1091</v>
      </c>
      <c r="B189" s="6" t="s">
        <v>260</v>
      </c>
      <c r="C189" s="6" t="s">
        <v>263</v>
      </c>
      <c r="D189" s="6" t="s">
        <v>261</v>
      </c>
      <c r="E189" s="6" t="s">
        <v>262</v>
      </c>
      <c r="F189" s="6"/>
      <c r="G189" s="6" t="s">
        <v>264</v>
      </c>
      <c r="H189" s="6" t="s">
        <v>265</v>
      </c>
      <c r="I189" s="6" t="s">
        <v>4</v>
      </c>
    </row>
    <row r="190" spans="1:9" ht="45" customHeight="1" x14ac:dyDescent="0.15">
      <c r="A190" s="6" t="s">
        <v>1091</v>
      </c>
      <c r="B190" s="6" t="s">
        <v>266</v>
      </c>
      <c r="C190" s="6" t="s">
        <v>269</v>
      </c>
      <c r="D190" s="6" t="s">
        <v>267</v>
      </c>
      <c r="E190" s="6" t="s">
        <v>268</v>
      </c>
      <c r="F190" s="6"/>
      <c r="G190" s="6" t="s">
        <v>270</v>
      </c>
      <c r="H190" s="6" t="s">
        <v>271</v>
      </c>
      <c r="I190" s="6" t="s">
        <v>4</v>
      </c>
    </row>
    <row r="191" spans="1:9" ht="45" customHeight="1" x14ac:dyDescent="0.15">
      <c r="A191" s="6" t="s">
        <v>1091</v>
      </c>
      <c r="B191" s="6" t="s">
        <v>1052</v>
      </c>
      <c r="C191" s="6" t="s">
        <v>1055</v>
      </c>
      <c r="D191" s="6" t="s">
        <v>1053</v>
      </c>
      <c r="E191" s="6" t="s">
        <v>1054</v>
      </c>
      <c r="F191" s="6"/>
      <c r="G191" s="6" t="s">
        <v>1056</v>
      </c>
      <c r="H191" s="6" t="s">
        <v>1057</v>
      </c>
      <c r="I191" s="6" t="s">
        <v>4</v>
      </c>
    </row>
    <row r="192" spans="1:9" ht="45" customHeight="1" x14ac:dyDescent="0.15">
      <c r="A192" s="6" t="s">
        <v>1091</v>
      </c>
      <c r="B192" s="6" t="s">
        <v>1302</v>
      </c>
      <c r="C192" s="6" t="s">
        <v>1303</v>
      </c>
      <c r="D192" s="6" t="s">
        <v>1304</v>
      </c>
      <c r="E192" s="6" t="s">
        <v>1305</v>
      </c>
      <c r="F192" s="6"/>
      <c r="G192" s="6" t="s">
        <v>1306</v>
      </c>
      <c r="H192" s="6" t="s">
        <v>1410</v>
      </c>
      <c r="I192" s="6" t="s">
        <v>1411</v>
      </c>
    </row>
    <row r="193" spans="1:9" ht="45" customHeight="1" x14ac:dyDescent="0.15">
      <c r="A193" s="6" t="s">
        <v>1091</v>
      </c>
      <c r="B193" s="6" t="s">
        <v>272</v>
      </c>
      <c r="C193" s="6" t="s">
        <v>275</v>
      </c>
      <c r="D193" s="6" t="s">
        <v>273</v>
      </c>
      <c r="E193" s="6" t="s">
        <v>274</v>
      </c>
      <c r="F193" s="6"/>
      <c r="G193" s="6" t="s">
        <v>276</v>
      </c>
      <c r="H193" s="6" t="s">
        <v>277</v>
      </c>
      <c r="I193" s="6" t="s">
        <v>4</v>
      </c>
    </row>
    <row r="194" spans="1:9" ht="45" customHeight="1" x14ac:dyDescent="0.15">
      <c r="A194" s="6" t="s">
        <v>1091</v>
      </c>
      <c r="B194" s="6" t="s">
        <v>1307</v>
      </c>
      <c r="C194" s="6" t="s">
        <v>43</v>
      </c>
      <c r="D194" s="6" t="s">
        <v>1308</v>
      </c>
      <c r="E194" s="6" t="s">
        <v>1575</v>
      </c>
      <c r="F194" s="6"/>
      <c r="G194" s="6" t="s">
        <v>1309</v>
      </c>
      <c r="H194" s="6" t="s">
        <v>1412</v>
      </c>
      <c r="I194" s="6" t="s">
        <v>1370</v>
      </c>
    </row>
    <row r="195" spans="1:9" ht="45" customHeight="1" x14ac:dyDescent="0.15">
      <c r="A195" s="6" t="s">
        <v>1091</v>
      </c>
      <c r="B195" s="6" t="s">
        <v>278</v>
      </c>
      <c r="C195" s="6" t="s">
        <v>282</v>
      </c>
      <c r="D195" s="6" t="s">
        <v>279</v>
      </c>
      <c r="E195" s="6" t="s">
        <v>280</v>
      </c>
      <c r="F195" s="6" t="s">
        <v>281</v>
      </c>
      <c r="G195" s="6" t="s">
        <v>283</v>
      </c>
      <c r="H195" s="6" t="s">
        <v>284</v>
      </c>
      <c r="I195" s="6" t="s">
        <v>4</v>
      </c>
    </row>
    <row r="196" spans="1:9" ht="45" customHeight="1" x14ac:dyDescent="0.15">
      <c r="A196" s="6" t="s">
        <v>1091</v>
      </c>
      <c r="B196" s="6" t="s">
        <v>285</v>
      </c>
      <c r="C196" s="6" t="s">
        <v>288</v>
      </c>
      <c r="D196" s="6" t="s">
        <v>286</v>
      </c>
      <c r="E196" s="6" t="s">
        <v>287</v>
      </c>
      <c r="F196" s="6"/>
      <c r="G196" s="6" t="s">
        <v>289</v>
      </c>
      <c r="H196" s="6" t="s">
        <v>290</v>
      </c>
      <c r="I196" s="6" t="s">
        <v>4</v>
      </c>
    </row>
    <row r="197" spans="1:9" ht="45" customHeight="1" x14ac:dyDescent="0.15">
      <c r="A197" s="6" t="s">
        <v>1091</v>
      </c>
      <c r="B197" s="6" t="s">
        <v>291</v>
      </c>
      <c r="C197" s="6" t="s">
        <v>294</v>
      </c>
      <c r="D197" s="6" t="s">
        <v>292</v>
      </c>
      <c r="E197" s="6" t="s">
        <v>293</v>
      </c>
      <c r="F197" s="6"/>
      <c r="G197" s="6" t="s">
        <v>295</v>
      </c>
      <c r="H197" s="6" t="s">
        <v>296</v>
      </c>
      <c r="I197" s="6" t="s">
        <v>4</v>
      </c>
    </row>
    <row r="198" spans="1:9" ht="45" customHeight="1" x14ac:dyDescent="0.15">
      <c r="A198" s="6" t="s">
        <v>1091</v>
      </c>
      <c r="B198" s="6" t="s">
        <v>297</v>
      </c>
      <c r="C198" s="6" t="s">
        <v>300</v>
      </c>
      <c r="D198" s="6" t="s">
        <v>298</v>
      </c>
      <c r="E198" s="6" t="s">
        <v>299</v>
      </c>
      <c r="F198" s="6"/>
      <c r="G198" s="6" t="s">
        <v>301</v>
      </c>
      <c r="H198" s="6" t="s">
        <v>302</v>
      </c>
      <c r="I198" s="6" t="s">
        <v>4</v>
      </c>
    </row>
    <row r="199" spans="1:9" ht="45" customHeight="1" x14ac:dyDescent="0.15">
      <c r="A199" s="6" t="s">
        <v>1091</v>
      </c>
      <c r="B199" s="6" t="s">
        <v>310</v>
      </c>
      <c r="C199" s="6" t="s">
        <v>313</v>
      </c>
      <c r="D199" s="6" t="s">
        <v>311</v>
      </c>
      <c r="E199" s="6" t="s">
        <v>312</v>
      </c>
      <c r="F199" s="6"/>
      <c r="G199" s="6" t="s">
        <v>314</v>
      </c>
      <c r="H199" s="6" t="s">
        <v>315</v>
      </c>
      <c r="I199" s="6" t="s">
        <v>4</v>
      </c>
    </row>
    <row r="200" spans="1:9" ht="45" customHeight="1" x14ac:dyDescent="0.15">
      <c r="A200" s="6" t="s">
        <v>1091</v>
      </c>
      <c r="B200" s="6" t="s">
        <v>316</v>
      </c>
      <c r="C200" s="6" t="s">
        <v>319</v>
      </c>
      <c r="D200" s="6" t="s">
        <v>317</v>
      </c>
      <c r="E200" s="6" t="s">
        <v>318</v>
      </c>
      <c r="F200" s="6"/>
      <c r="G200" s="6" t="s">
        <v>320</v>
      </c>
      <c r="H200" s="6" t="s">
        <v>321</v>
      </c>
      <c r="I200" s="6" t="s">
        <v>4</v>
      </c>
    </row>
    <row r="201" spans="1:9" ht="45" customHeight="1" x14ac:dyDescent="0.15">
      <c r="A201" s="6" t="s">
        <v>1091</v>
      </c>
      <c r="B201" s="6" t="s">
        <v>322</v>
      </c>
      <c r="C201" s="6" t="s">
        <v>325</v>
      </c>
      <c r="D201" s="6" t="s">
        <v>323</v>
      </c>
      <c r="E201" s="6" t="s">
        <v>324</v>
      </c>
      <c r="F201" s="6"/>
      <c r="G201" s="6" t="s">
        <v>326</v>
      </c>
      <c r="H201" s="6" t="s">
        <v>327</v>
      </c>
      <c r="I201" s="6" t="s">
        <v>4</v>
      </c>
    </row>
    <row r="202" spans="1:9" ht="45" customHeight="1" x14ac:dyDescent="0.15">
      <c r="A202" s="6" t="s">
        <v>1091</v>
      </c>
      <c r="B202" s="6" t="s">
        <v>328</v>
      </c>
      <c r="C202" s="6" t="s">
        <v>329</v>
      </c>
      <c r="D202" s="6" t="s">
        <v>330</v>
      </c>
      <c r="E202" s="6" t="s">
        <v>331</v>
      </c>
      <c r="F202" s="6"/>
      <c r="G202" s="6" t="s">
        <v>332</v>
      </c>
      <c r="H202" s="6" t="s">
        <v>333</v>
      </c>
      <c r="I202" s="6" t="s">
        <v>4</v>
      </c>
    </row>
    <row r="203" spans="1:9" ht="45" customHeight="1" x14ac:dyDescent="0.15">
      <c r="A203" s="6" t="s">
        <v>1091</v>
      </c>
      <c r="B203" s="6" t="s">
        <v>1138</v>
      </c>
      <c r="C203" s="6" t="s">
        <v>1139</v>
      </c>
      <c r="D203" s="6" t="s">
        <v>1140</v>
      </c>
      <c r="E203" s="6" t="s">
        <v>1141</v>
      </c>
      <c r="F203" s="6"/>
      <c r="G203" s="6" t="s">
        <v>1142</v>
      </c>
      <c r="H203" s="6" t="s">
        <v>1143</v>
      </c>
      <c r="I203" s="6" t="s">
        <v>1131</v>
      </c>
    </row>
    <row r="204" spans="1:9" ht="45" customHeight="1" x14ac:dyDescent="0.15">
      <c r="A204" s="6" t="s">
        <v>1091</v>
      </c>
      <c r="B204" s="6" t="s">
        <v>334</v>
      </c>
      <c r="C204" s="6" t="s">
        <v>337</v>
      </c>
      <c r="D204" s="6" t="s">
        <v>335</v>
      </c>
      <c r="E204" s="6" t="s">
        <v>336</v>
      </c>
      <c r="F204" s="6"/>
      <c r="G204" s="6" t="s">
        <v>338</v>
      </c>
      <c r="H204" s="6" t="s">
        <v>338</v>
      </c>
      <c r="I204" s="6" t="s">
        <v>4</v>
      </c>
    </row>
    <row r="205" spans="1:9" ht="45" customHeight="1" x14ac:dyDescent="0.15">
      <c r="A205" s="6" t="s">
        <v>1091</v>
      </c>
      <c r="B205" s="6" t="s">
        <v>339</v>
      </c>
      <c r="C205" s="6" t="s">
        <v>340</v>
      </c>
      <c r="D205" s="6" t="s">
        <v>330</v>
      </c>
      <c r="E205" s="6" t="s">
        <v>1459</v>
      </c>
      <c r="F205" s="6"/>
      <c r="G205" s="6" t="s">
        <v>341</v>
      </c>
      <c r="H205" s="6" t="s">
        <v>342</v>
      </c>
      <c r="I205" s="6" t="s">
        <v>4</v>
      </c>
    </row>
    <row r="206" spans="1:9" ht="45" customHeight="1" x14ac:dyDescent="0.15">
      <c r="A206" s="6" t="s">
        <v>1091</v>
      </c>
      <c r="B206" s="6" t="s">
        <v>1120</v>
      </c>
      <c r="C206" s="6" t="s">
        <v>1121</v>
      </c>
      <c r="D206" s="6" t="s">
        <v>1114</v>
      </c>
      <c r="E206" s="6" t="s">
        <v>1115</v>
      </c>
      <c r="F206" s="6"/>
      <c r="G206" s="6" t="s">
        <v>1122</v>
      </c>
      <c r="H206" s="6" t="s">
        <v>1122</v>
      </c>
      <c r="I206" s="6" t="s">
        <v>1106</v>
      </c>
    </row>
    <row r="207" spans="1:9" ht="45" customHeight="1" x14ac:dyDescent="0.15">
      <c r="A207" s="6" t="s">
        <v>1091</v>
      </c>
      <c r="B207" s="6" t="s">
        <v>343</v>
      </c>
      <c r="C207" s="6" t="s">
        <v>344</v>
      </c>
      <c r="D207" s="6" t="s">
        <v>345</v>
      </c>
      <c r="E207" s="6" t="s">
        <v>346</v>
      </c>
      <c r="F207" s="6" t="s">
        <v>347</v>
      </c>
      <c r="G207" s="6" t="s">
        <v>348</v>
      </c>
      <c r="H207" s="6" t="s">
        <v>349</v>
      </c>
      <c r="I207" s="6" t="s">
        <v>4</v>
      </c>
    </row>
    <row r="208" spans="1:9" ht="45" customHeight="1" x14ac:dyDescent="0.15">
      <c r="A208" s="6" t="s">
        <v>1091</v>
      </c>
      <c r="B208" s="6" t="s">
        <v>350</v>
      </c>
      <c r="C208" s="6" t="s">
        <v>351</v>
      </c>
      <c r="D208" s="6" t="s">
        <v>352</v>
      </c>
      <c r="E208" s="6" t="s">
        <v>353</v>
      </c>
      <c r="F208" s="6"/>
      <c r="G208" s="6" t="s">
        <v>354</v>
      </c>
      <c r="H208" s="6" t="s">
        <v>355</v>
      </c>
      <c r="I208" s="6" t="s">
        <v>4</v>
      </c>
    </row>
    <row r="209" spans="1:9" ht="45" customHeight="1" x14ac:dyDescent="0.15">
      <c r="A209" s="6" t="s">
        <v>1091</v>
      </c>
      <c r="B209" s="6" t="s">
        <v>356</v>
      </c>
      <c r="C209" s="6" t="s">
        <v>358</v>
      </c>
      <c r="D209" s="6" t="s">
        <v>330</v>
      </c>
      <c r="E209" s="6" t="s">
        <v>357</v>
      </c>
      <c r="F209" s="6"/>
      <c r="G209" s="6" t="s">
        <v>359</v>
      </c>
      <c r="H209" s="6" t="s">
        <v>360</v>
      </c>
      <c r="I209" s="6" t="s">
        <v>4</v>
      </c>
    </row>
    <row r="210" spans="1:9" ht="45" customHeight="1" x14ac:dyDescent="0.15">
      <c r="A210" s="6" t="s">
        <v>1091</v>
      </c>
      <c r="B210" s="6" t="s">
        <v>1617</v>
      </c>
      <c r="C210" s="6" t="s">
        <v>1618</v>
      </c>
      <c r="D210" s="6" t="s">
        <v>1619</v>
      </c>
      <c r="E210" s="6" t="s">
        <v>1620</v>
      </c>
      <c r="F210" s="6" t="s">
        <v>1621</v>
      </c>
      <c r="G210" s="6" t="s">
        <v>1622</v>
      </c>
      <c r="H210" s="6" t="s">
        <v>1623</v>
      </c>
      <c r="I210" s="6" t="s">
        <v>1624</v>
      </c>
    </row>
    <row r="211" spans="1:9" ht="45" customHeight="1" x14ac:dyDescent="0.15">
      <c r="A211" s="6" t="s">
        <v>1660</v>
      </c>
      <c r="B211" s="11">
        <v>2372505632</v>
      </c>
      <c r="C211" s="6" t="s">
        <v>1661</v>
      </c>
      <c r="D211" s="6" t="s">
        <v>1662</v>
      </c>
      <c r="E211" s="6" t="s">
        <v>1663</v>
      </c>
      <c r="F211" s="6" t="s">
        <v>1664</v>
      </c>
      <c r="G211" s="6" t="s">
        <v>1665</v>
      </c>
      <c r="H211" s="6" t="s">
        <v>1666</v>
      </c>
      <c r="I211" s="13">
        <v>44151</v>
      </c>
    </row>
    <row r="212" spans="1:9" ht="45" customHeight="1" x14ac:dyDescent="0.15">
      <c r="A212" s="6" t="s">
        <v>1631</v>
      </c>
      <c r="B212" s="11">
        <v>2372505699</v>
      </c>
      <c r="C212" s="6" t="s">
        <v>1632</v>
      </c>
      <c r="D212" s="6" t="s">
        <v>1633</v>
      </c>
      <c r="E212" s="6" t="s">
        <v>1634</v>
      </c>
      <c r="F212" s="6"/>
      <c r="G212" s="6" t="s">
        <v>1635</v>
      </c>
      <c r="H212" s="6" t="s">
        <v>1636</v>
      </c>
      <c r="I212" s="13">
        <v>44111</v>
      </c>
    </row>
    <row r="213" spans="1:9" ht="45" customHeight="1" x14ac:dyDescent="0.15">
      <c r="A213" s="6" t="s">
        <v>1757</v>
      </c>
      <c r="B213" s="11" t="s">
        <v>1758</v>
      </c>
      <c r="C213" s="18" t="s">
        <v>1760</v>
      </c>
      <c r="D213" s="6" t="s">
        <v>1761</v>
      </c>
      <c r="E213" s="6" t="s">
        <v>1762</v>
      </c>
      <c r="F213" s="6"/>
      <c r="G213" s="6" t="s">
        <v>1763</v>
      </c>
      <c r="H213" s="1" t="s">
        <v>1764</v>
      </c>
      <c r="I213" s="13">
        <v>44364</v>
      </c>
    </row>
    <row r="214" spans="1:9" ht="45" customHeight="1" x14ac:dyDescent="0.15">
      <c r="A214" s="6" t="s">
        <v>1091</v>
      </c>
      <c r="B214" s="6" t="s">
        <v>367</v>
      </c>
      <c r="C214" s="6" t="s">
        <v>1759</v>
      </c>
      <c r="D214" s="6" t="s">
        <v>368</v>
      </c>
      <c r="E214" s="6" t="s">
        <v>369</v>
      </c>
      <c r="F214" s="6"/>
      <c r="G214" s="6" t="s">
        <v>370</v>
      </c>
      <c r="H214" s="6" t="s">
        <v>371</v>
      </c>
      <c r="I214" s="6" t="s">
        <v>4</v>
      </c>
    </row>
    <row r="215" spans="1:9" ht="45" customHeight="1" x14ac:dyDescent="0.15">
      <c r="A215" s="6" t="s">
        <v>1091</v>
      </c>
      <c r="B215" s="6" t="s">
        <v>372</v>
      </c>
      <c r="C215" s="6" t="s">
        <v>373</v>
      </c>
      <c r="D215" s="6" t="s">
        <v>374</v>
      </c>
      <c r="E215" s="6" t="s">
        <v>375</v>
      </c>
      <c r="F215" s="6"/>
      <c r="G215" s="6" t="s">
        <v>376</v>
      </c>
      <c r="H215" s="6" t="s">
        <v>377</v>
      </c>
      <c r="I215" s="6" t="s">
        <v>4</v>
      </c>
    </row>
    <row r="216" spans="1:9" ht="45" customHeight="1" x14ac:dyDescent="0.15">
      <c r="A216" s="6" t="s">
        <v>1091</v>
      </c>
      <c r="B216" s="6" t="s">
        <v>378</v>
      </c>
      <c r="C216" s="6" t="s">
        <v>381</v>
      </c>
      <c r="D216" s="6" t="s">
        <v>379</v>
      </c>
      <c r="E216" s="6" t="s">
        <v>380</v>
      </c>
      <c r="F216" s="6"/>
      <c r="G216" s="6" t="s">
        <v>382</v>
      </c>
      <c r="H216" s="6" t="s">
        <v>383</v>
      </c>
      <c r="I216" s="6" t="s">
        <v>4</v>
      </c>
    </row>
    <row r="217" spans="1:9" ht="45" customHeight="1" x14ac:dyDescent="0.15">
      <c r="A217" s="6" t="s">
        <v>1091</v>
      </c>
      <c r="B217" s="6" t="s">
        <v>384</v>
      </c>
      <c r="C217" s="6" t="s">
        <v>387</v>
      </c>
      <c r="D217" s="6" t="s">
        <v>385</v>
      </c>
      <c r="E217" s="6" t="s">
        <v>386</v>
      </c>
      <c r="F217" s="6"/>
      <c r="G217" s="6" t="s">
        <v>388</v>
      </c>
      <c r="H217" s="6" t="s">
        <v>389</v>
      </c>
      <c r="I217" s="6" t="s">
        <v>4</v>
      </c>
    </row>
    <row r="218" spans="1:9" ht="45" customHeight="1" x14ac:dyDescent="0.15">
      <c r="A218" s="6" t="s">
        <v>1091</v>
      </c>
      <c r="B218" s="6" t="s">
        <v>390</v>
      </c>
      <c r="C218" s="6" t="s">
        <v>1311</v>
      </c>
      <c r="D218" s="6" t="s">
        <v>391</v>
      </c>
      <c r="E218" s="6" t="s">
        <v>392</v>
      </c>
      <c r="F218" s="6"/>
      <c r="G218" s="6" t="s">
        <v>393</v>
      </c>
      <c r="H218" s="6" t="s">
        <v>394</v>
      </c>
      <c r="I218" s="6" t="s">
        <v>4</v>
      </c>
    </row>
    <row r="219" spans="1:9" ht="45" customHeight="1" x14ac:dyDescent="0.15">
      <c r="A219" s="6" t="s">
        <v>1091</v>
      </c>
      <c r="B219" s="6" t="s">
        <v>1132</v>
      </c>
      <c r="C219" s="6" t="s">
        <v>1135</v>
      </c>
      <c r="D219" s="6" t="s">
        <v>1133</v>
      </c>
      <c r="E219" s="6" t="s">
        <v>1134</v>
      </c>
      <c r="F219" s="6"/>
      <c r="G219" s="6" t="s">
        <v>1136</v>
      </c>
      <c r="H219" s="6" t="s">
        <v>1137</v>
      </c>
      <c r="I219" s="6" t="s">
        <v>1131</v>
      </c>
    </row>
    <row r="220" spans="1:9" ht="45" customHeight="1" x14ac:dyDescent="0.15">
      <c r="A220" s="6" t="s">
        <v>1091</v>
      </c>
      <c r="B220" s="6" t="s">
        <v>1460</v>
      </c>
      <c r="C220" s="6" t="s">
        <v>1461</v>
      </c>
      <c r="D220" s="6" t="s">
        <v>1462</v>
      </c>
      <c r="E220" s="6" t="s">
        <v>1463</v>
      </c>
      <c r="F220" s="6"/>
      <c r="G220" s="6" t="s">
        <v>1464</v>
      </c>
      <c r="H220" s="6" t="s">
        <v>1465</v>
      </c>
      <c r="I220" s="6" t="s">
        <v>1466</v>
      </c>
    </row>
    <row r="221" spans="1:9" ht="45" customHeight="1" x14ac:dyDescent="0.15">
      <c r="A221" s="6" t="s">
        <v>1091</v>
      </c>
      <c r="B221" s="6" t="s">
        <v>1170</v>
      </c>
      <c r="C221" s="6" t="s">
        <v>1312</v>
      </c>
      <c r="D221" s="6" t="s">
        <v>1313</v>
      </c>
      <c r="E221" s="6" t="s">
        <v>1314</v>
      </c>
      <c r="F221" s="6"/>
      <c r="G221" s="6" t="s">
        <v>1315</v>
      </c>
      <c r="H221" s="6" t="s">
        <v>1413</v>
      </c>
      <c r="I221" s="6" t="s">
        <v>1414</v>
      </c>
    </row>
    <row r="222" spans="1:9" ht="45" customHeight="1" x14ac:dyDescent="0.15">
      <c r="A222" s="6" t="s">
        <v>1091</v>
      </c>
      <c r="B222" s="6" t="s">
        <v>395</v>
      </c>
      <c r="C222" s="6" t="s">
        <v>398</v>
      </c>
      <c r="D222" s="6" t="s">
        <v>1749</v>
      </c>
      <c r="E222" s="6" t="s">
        <v>396</v>
      </c>
      <c r="F222" s="6" t="s">
        <v>397</v>
      </c>
      <c r="G222" s="6" t="s">
        <v>399</v>
      </c>
      <c r="H222" s="6" t="s">
        <v>400</v>
      </c>
      <c r="I222" s="6" t="s">
        <v>4</v>
      </c>
    </row>
    <row r="223" spans="1:9" ht="45" customHeight="1" x14ac:dyDescent="0.15">
      <c r="A223" s="6" t="s">
        <v>1091</v>
      </c>
      <c r="B223" s="6" t="s">
        <v>1560</v>
      </c>
      <c r="C223" s="6" t="s">
        <v>1561</v>
      </c>
      <c r="D223" s="6" t="s">
        <v>1562</v>
      </c>
      <c r="E223" s="6" t="s">
        <v>1563</v>
      </c>
      <c r="F223" s="6" t="s">
        <v>1564</v>
      </c>
      <c r="G223" s="6" t="s">
        <v>1565</v>
      </c>
      <c r="H223" s="6" t="s">
        <v>1566</v>
      </c>
      <c r="I223" s="6" t="s">
        <v>1567</v>
      </c>
    </row>
    <row r="224" spans="1:9" ht="45" customHeight="1" x14ac:dyDescent="0.15">
      <c r="A224" s="6" t="s">
        <v>1091</v>
      </c>
      <c r="B224" s="6" t="s">
        <v>1316</v>
      </c>
      <c r="C224" s="6" t="s">
        <v>1317</v>
      </c>
      <c r="D224" s="6" t="s">
        <v>1318</v>
      </c>
      <c r="E224" s="6" t="s">
        <v>1319</v>
      </c>
      <c r="F224" s="6"/>
      <c r="G224" s="6" t="s">
        <v>1320</v>
      </c>
      <c r="H224" s="6" t="s">
        <v>1415</v>
      </c>
      <c r="I224" s="6" t="s">
        <v>1416</v>
      </c>
    </row>
    <row r="225" spans="1:9" ht="45" customHeight="1" x14ac:dyDescent="0.15">
      <c r="A225" s="6" t="s">
        <v>1091</v>
      </c>
      <c r="B225" s="6" t="s">
        <v>401</v>
      </c>
      <c r="C225" s="6" t="s">
        <v>404</v>
      </c>
      <c r="D225" s="6" t="s">
        <v>402</v>
      </c>
      <c r="E225" s="6" t="s">
        <v>403</v>
      </c>
      <c r="F225" s="6"/>
      <c r="G225" s="6" t="s">
        <v>405</v>
      </c>
      <c r="H225" s="6" t="s">
        <v>406</v>
      </c>
      <c r="I225" s="6" t="s">
        <v>4</v>
      </c>
    </row>
    <row r="226" spans="1:9" ht="45" customHeight="1" x14ac:dyDescent="0.15">
      <c r="A226" s="6" t="s">
        <v>1091</v>
      </c>
      <c r="B226" s="6" t="s">
        <v>407</v>
      </c>
      <c r="C226" s="6" t="s">
        <v>410</v>
      </c>
      <c r="D226" s="6" t="s">
        <v>411</v>
      </c>
      <c r="E226" s="6" t="s">
        <v>412</v>
      </c>
      <c r="F226" s="6"/>
      <c r="G226" s="6" t="s">
        <v>413</v>
      </c>
      <c r="H226" s="6" t="s">
        <v>414</v>
      </c>
      <c r="I226" s="6" t="s">
        <v>4</v>
      </c>
    </row>
    <row r="227" spans="1:9" ht="45" customHeight="1" x14ac:dyDescent="0.15">
      <c r="A227" s="6" t="s">
        <v>1091</v>
      </c>
      <c r="B227" s="6" t="s">
        <v>422</v>
      </c>
      <c r="C227" s="6" t="s">
        <v>423</v>
      </c>
      <c r="D227" s="6" t="s">
        <v>408</v>
      </c>
      <c r="E227" s="6" t="s">
        <v>409</v>
      </c>
      <c r="F227" s="6"/>
      <c r="G227" s="6" t="s">
        <v>424</v>
      </c>
      <c r="H227" s="6" t="s">
        <v>425</v>
      </c>
      <c r="I227" s="6" t="s">
        <v>4</v>
      </c>
    </row>
    <row r="228" spans="1:9" ht="45" customHeight="1" x14ac:dyDescent="0.15">
      <c r="A228" s="6" t="s">
        <v>1091</v>
      </c>
      <c r="B228" s="6" t="s">
        <v>426</v>
      </c>
      <c r="C228" s="6" t="s">
        <v>428</v>
      </c>
      <c r="D228" s="6" t="s">
        <v>427</v>
      </c>
      <c r="E228" s="6" t="s">
        <v>415</v>
      </c>
      <c r="F228" s="6"/>
      <c r="G228" s="6" t="s">
        <v>429</v>
      </c>
      <c r="H228" s="6" t="s">
        <v>430</v>
      </c>
      <c r="I228" s="6" t="s">
        <v>4</v>
      </c>
    </row>
    <row r="229" spans="1:9" ht="45" customHeight="1" x14ac:dyDescent="0.15">
      <c r="A229" s="6" t="s">
        <v>1091</v>
      </c>
      <c r="B229" s="6" t="s">
        <v>431</v>
      </c>
      <c r="C229" s="6" t="s">
        <v>434</v>
      </c>
      <c r="D229" s="6" t="s">
        <v>432</v>
      </c>
      <c r="E229" s="6" t="s">
        <v>433</v>
      </c>
      <c r="F229" s="6"/>
      <c r="G229" s="6" t="s">
        <v>435</v>
      </c>
      <c r="H229" s="6" t="s">
        <v>436</v>
      </c>
      <c r="I229" s="6" t="s">
        <v>4</v>
      </c>
    </row>
    <row r="230" spans="1:9" ht="45" customHeight="1" x14ac:dyDescent="0.15">
      <c r="A230" s="6" t="s">
        <v>1091</v>
      </c>
      <c r="B230" s="6" t="s">
        <v>1113</v>
      </c>
      <c r="C230" s="6" t="s">
        <v>1116</v>
      </c>
      <c r="D230" s="6" t="s">
        <v>1117</v>
      </c>
      <c r="E230" s="6" t="s">
        <v>1118</v>
      </c>
      <c r="F230" s="6"/>
      <c r="G230" s="6" t="s">
        <v>1119</v>
      </c>
      <c r="H230" s="6" t="s">
        <v>1119</v>
      </c>
      <c r="I230" s="6" t="s">
        <v>1106</v>
      </c>
    </row>
    <row r="231" spans="1:9" ht="45" customHeight="1" x14ac:dyDescent="0.15">
      <c r="A231" s="6" t="s">
        <v>1091</v>
      </c>
      <c r="B231" s="6" t="s">
        <v>437</v>
      </c>
      <c r="C231" s="6" t="s">
        <v>440</v>
      </c>
      <c r="D231" s="6" t="s">
        <v>438</v>
      </c>
      <c r="E231" s="6" t="s">
        <v>439</v>
      </c>
      <c r="F231" s="6"/>
      <c r="G231" s="6" t="s">
        <v>441</v>
      </c>
      <c r="H231" s="6" t="s">
        <v>442</v>
      </c>
      <c r="I231" s="6" t="s">
        <v>4</v>
      </c>
    </row>
    <row r="232" spans="1:9" ht="45" customHeight="1" x14ac:dyDescent="0.15">
      <c r="A232" s="6" t="s">
        <v>1091</v>
      </c>
      <c r="B232" s="6" t="s">
        <v>1321</v>
      </c>
      <c r="C232" s="6" t="s">
        <v>1322</v>
      </c>
      <c r="D232" s="6" t="s">
        <v>1323</v>
      </c>
      <c r="E232" s="6" t="s">
        <v>1324</v>
      </c>
      <c r="F232" s="6"/>
      <c r="G232" s="6" t="s">
        <v>1325</v>
      </c>
      <c r="H232" s="6" t="s">
        <v>1417</v>
      </c>
      <c r="I232" s="6" t="s">
        <v>1393</v>
      </c>
    </row>
    <row r="233" spans="1:9" ht="45" customHeight="1" x14ac:dyDescent="0.15">
      <c r="A233" s="6" t="s">
        <v>1091</v>
      </c>
      <c r="B233" s="6" t="s">
        <v>443</v>
      </c>
      <c r="C233" s="6" t="s">
        <v>446</v>
      </c>
      <c r="D233" s="6" t="s">
        <v>444</v>
      </c>
      <c r="E233" s="6" t="s">
        <v>445</v>
      </c>
      <c r="F233" s="6"/>
      <c r="G233" s="6" t="s">
        <v>447</v>
      </c>
      <c r="H233" s="6" t="s">
        <v>448</v>
      </c>
      <c r="I233" s="6" t="s">
        <v>4</v>
      </c>
    </row>
    <row r="234" spans="1:9" ht="45" customHeight="1" x14ac:dyDescent="0.15">
      <c r="A234" s="6" t="s">
        <v>1091</v>
      </c>
      <c r="B234" s="6" t="s">
        <v>1326</v>
      </c>
      <c r="C234" s="6" t="s">
        <v>1327</v>
      </c>
      <c r="D234" s="6" t="s">
        <v>1328</v>
      </c>
      <c r="E234" s="6" t="s">
        <v>1329</v>
      </c>
      <c r="F234" s="6"/>
      <c r="G234" s="6" t="s">
        <v>1330</v>
      </c>
      <c r="H234" s="6" t="s">
        <v>1418</v>
      </c>
      <c r="I234" s="6" t="s">
        <v>1419</v>
      </c>
    </row>
    <row r="235" spans="1:9" ht="45" customHeight="1" x14ac:dyDescent="0.15">
      <c r="A235" s="6" t="s">
        <v>1091</v>
      </c>
      <c r="B235" s="6" t="s">
        <v>449</v>
      </c>
      <c r="C235" s="6" t="s">
        <v>452</v>
      </c>
      <c r="D235" s="6" t="s">
        <v>450</v>
      </c>
      <c r="E235" s="6" t="s">
        <v>451</v>
      </c>
      <c r="F235" s="6"/>
      <c r="G235" s="6" t="s">
        <v>453</v>
      </c>
      <c r="H235" s="6" t="s">
        <v>454</v>
      </c>
      <c r="I235" s="6" t="s">
        <v>4</v>
      </c>
    </row>
    <row r="236" spans="1:9" ht="45" customHeight="1" x14ac:dyDescent="0.15">
      <c r="A236" s="6" t="s">
        <v>1091</v>
      </c>
      <c r="B236" s="6" t="s">
        <v>1331</v>
      </c>
      <c r="C236" s="6" t="s">
        <v>1626</v>
      </c>
      <c r="D236" s="6" t="s">
        <v>1627</v>
      </c>
      <c r="E236" s="6" t="s">
        <v>1628</v>
      </c>
      <c r="F236" s="6"/>
      <c r="G236" s="6" t="s">
        <v>1332</v>
      </c>
      <c r="H236" s="6" t="s">
        <v>1420</v>
      </c>
      <c r="I236" s="6" t="s">
        <v>1421</v>
      </c>
    </row>
    <row r="237" spans="1:9" ht="45" customHeight="1" x14ac:dyDescent="0.15">
      <c r="A237" s="6" t="s">
        <v>1091</v>
      </c>
      <c r="B237" s="6" t="s">
        <v>455</v>
      </c>
      <c r="C237" s="6" t="s">
        <v>458</v>
      </c>
      <c r="D237" s="6" t="s">
        <v>456</v>
      </c>
      <c r="E237" s="6" t="s">
        <v>457</v>
      </c>
      <c r="F237" s="6"/>
      <c r="G237" s="6" t="s">
        <v>459</v>
      </c>
      <c r="H237" s="6" t="s">
        <v>460</v>
      </c>
      <c r="I237" s="6" t="s">
        <v>4</v>
      </c>
    </row>
    <row r="238" spans="1:9" ht="45" customHeight="1" x14ac:dyDescent="0.15">
      <c r="A238" s="6" t="s">
        <v>1091</v>
      </c>
      <c r="B238" s="6" t="s">
        <v>461</v>
      </c>
      <c r="C238" s="6" t="s">
        <v>464</v>
      </c>
      <c r="D238" s="6" t="s">
        <v>462</v>
      </c>
      <c r="E238" s="6" t="s">
        <v>463</v>
      </c>
      <c r="F238" s="6"/>
      <c r="G238" s="6" t="s">
        <v>465</v>
      </c>
      <c r="H238" s="6" t="s">
        <v>466</v>
      </c>
      <c r="I238" s="6" t="s">
        <v>4</v>
      </c>
    </row>
    <row r="239" spans="1:9" ht="45" customHeight="1" x14ac:dyDescent="0.15">
      <c r="A239" s="6" t="s">
        <v>1091</v>
      </c>
      <c r="B239" s="6" t="s">
        <v>473</v>
      </c>
      <c r="C239" s="6" t="s">
        <v>1333</v>
      </c>
      <c r="D239" s="6" t="s">
        <v>474</v>
      </c>
      <c r="E239" s="6" t="s">
        <v>475</v>
      </c>
      <c r="F239" s="6"/>
      <c r="G239" s="6" t="s">
        <v>476</v>
      </c>
      <c r="H239" s="6" t="s">
        <v>477</v>
      </c>
      <c r="I239" s="6" t="s">
        <v>4</v>
      </c>
    </row>
    <row r="240" spans="1:9" ht="45" customHeight="1" x14ac:dyDescent="0.15">
      <c r="A240" s="6" t="s">
        <v>1091</v>
      </c>
      <c r="B240" s="6" t="s">
        <v>478</v>
      </c>
      <c r="C240" s="6" t="s">
        <v>481</v>
      </c>
      <c r="D240" s="6" t="s">
        <v>479</v>
      </c>
      <c r="E240" s="6" t="s">
        <v>480</v>
      </c>
      <c r="F240" s="6"/>
      <c r="G240" s="6" t="s">
        <v>482</v>
      </c>
      <c r="H240" s="6" t="s">
        <v>483</v>
      </c>
      <c r="I240" s="6" t="s">
        <v>4</v>
      </c>
    </row>
    <row r="241" spans="1:9" ht="45" customHeight="1" x14ac:dyDescent="0.15">
      <c r="A241" s="6" t="s">
        <v>1091</v>
      </c>
      <c r="B241" s="6" t="s">
        <v>485</v>
      </c>
      <c r="C241" s="6" t="s">
        <v>486</v>
      </c>
      <c r="D241" s="6" t="s">
        <v>487</v>
      </c>
      <c r="E241" s="6" t="s">
        <v>488</v>
      </c>
      <c r="F241" s="6"/>
      <c r="G241" s="6" t="s">
        <v>489</v>
      </c>
      <c r="H241" s="6" t="s">
        <v>490</v>
      </c>
      <c r="I241" s="6" t="s">
        <v>4</v>
      </c>
    </row>
    <row r="242" spans="1:9" ht="45" customHeight="1" x14ac:dyDescent="0.15">
      <c r="A242" s="6" t="s">
        <v>1091</v>
      </c>
      <c r="B242" s="6" t="s">
        <v>491</v>
      </c>
      <c r="C242" s="6" t="s">
        <v>494</v>
      </c>
      <c r="D242" s="6" t="s">
        <v>492</v>
      </c>
      <c r="E242" s="6" t="s">
        <v>493</v>
      </c>
      <c r="F242" s="6"/>
      <c r="G242" s="6" t="s">
        <v>495</v>
      </c>
      <c r="H242" s="6" t="s">
        <v>496</v>
      </c>
      <c r="I242" s="6" t="s">
        <v>4</v>
      </c>
    </row>
    <row r="243" spans="1:9" ht="45" customHeight="1" x14ac:dyDescent="0.15">
      <c r="A243" s="6" t="s">
        <v>1091</v>
      </c>
      <c r="B243" s="6" t="s">
        <v>1334</v>
      </c>
      <c r="C243" s="6" t="s">
        <v>1335</v>
      </c>
      <c r="D243" s="6" t="s">
        <v>1336</v>
      </c>
      <c r="E243" s="6" t="s">
        <v>1337</v>
      </c>
      <c r="F243" s="6"/>
      <c r="G243" s="6" t="s">
        <v>1338</v>
      </c>
      <c r="H243" s="6" t="s">
        <v>1422</v>
      </c>
      <c r="I243" s="6" t="s">
        <v>1423</v>
      </c>
    </row>
    <row r="244" spans="1:9" ht="45" customHeight="1" x14ac:dyDescent="0.15">
      <c r="A244" s="6" t="s">
        <v>1091</v>
      </c>
      <c r="B244" s="6" t="s">
        <v>497</v>
      </c>
      <c r="C244" s="6" t="s">
        <v>500</v>
      </c>
      <c r="D244" s="6" t="s">
        <v>498</v>
      </c>
      <c r="E244" s="6" t="s">
        <v>499</v>
      </c>
      <c r="F244" s="6"/>
      <c r="G244" s="6" t="s">
        <v>501</v>
      </c>
      <c r="H244" s="6" t="s">
        <v>502</v>
      </c>
      <c r="I244" s="6" t="s">
        <v>4</v>
      </c>
    </row>
    <row r="245" spans="1:9" ht="45" customHeight="1" x14ac:dyDescent="0.15">
      <c r="A245" s="6" t="s">
        <v>1091</v>
      </c>
      <c r="B245" s="6" t="s">
        <v>503</v>
      </c>
      <c r="C245" s="6" t="s">
        <v>506</v>
      </c>
      <c r="D245" s="6" t="s">
        <v>504</v>
      </c>
      <c r="E245" s="6" t="s">
        <v>505</v>
      </c>
      <c r="F245" s="6"/>
      <c r="G245" s="6" t="s">
        <v>507</v>
      </c>
      <c r="H245" s="6" t="s">
        <v>508</v>
      </c>
      <c r="I245" s="6" t="s">
        <v>4</v>
      </c>
    </row>
    <row r="246" spans="1:9" ht="45" customHeight="1" x14ac:dyDescent="0.15">
      <c r="A246" s="6" t="s">
        <v>1091</v>
      </c>
      <c r="B246" s="6" t="s">
        <v>1107</v>
      </c>
      <c r="C246" s="6" t="s">
        <v>1109</v>
      </c>
      <c r="D246" s="6" t="s">
        <v>1108</v>
      </c>
      <c r="E246" s="6" t="s">
        <v>1110</v>
      </c>
      <c r="F246" s="6"/>
      <c r="G246" s="6" t="s">
        <v>1111</v>
      </c>
      <c r="H246" s="6" t="s">
        <v>1112</v>
      </c>
      <c r="I246" s="6" t="s">
        <v>1106</v>
      </c>
    </row>
    <row r="247" spans="1:9" ht="45" customHeight="1" x14ac:dyDescent="0.15">
      <c r="A247" s="6" t="s">
        <v>1720</v>
      </c>
      <c r="B247" s="1" t="s">
        <v>1721</v>
      </c>
      <c r="C247" s="6" t="s">
        <v>1722</v>
      </c>
      <c r="D247" s="16" t="s">
        <v>1723</v>
      </c>
      <c r="E247" s="16" t="s">
        <v>1724</v>
      </c>
      <c r="F247" s="6" t="s">
        <v>1725</v>
      </c>
      <c r="G247" s="16" t="s">
        <v>1726</v>
      </c>
      <c r="H247" s="16" t="s">
        <v>1727</v>
      </c>
      <c r="I247" s="16" t="s">
        <v>1728</v>
      </c>
    </row>
    <row r="248" spans="1:9" ht="45" customHeight="1" x14ac:dyDescent="0.15">
      <c r="A248" s="6" t="s">
        <v>1091</v>
      </c>
      <c r="B248" s="6" t="s">
        <v>509</v>
      </c>
      <c r="C248" s="6" t="s">
        <v>512</v>
      </c>
      <c r="D248" s="6" t="s">
        <v>510</v>
      </c>
      <c r="E248" s="6" t="s">
        <v>511</v>
      </c>
      <c r="F248" s="6"/>
      <c r="G248" s="6" t="s">
        <v>513</v>
      </c>
      <c r="H248" s="6" t="s">
        <v>514</v>
      </c>
      <c r="I248" s="6" t="s">
        <v>4</v>
      </c>
    </row>
    <row r="249" spans="1:9" ht="45" customHeight="1" x14ac:dyDescent="0.15">
      <c r="A249" s="6" t="s">
        <v>1091</v>
      </c>
      <c r="B249" s="6" t="s">
        <v>515</v>
      </c>
      <c r="C249" s="6" t="s">
        <v>516</v>
      </c>
      <c r="D249" s="6" t="s">
        <v>517</v>
      </c>
      <c r="E249" s="6" t="s">
        <v>518</v>
      </c>
      <c r="F249" s="6"/>
      <c r="G249" s="6" t="s">
        <v>1747</v>
      </c>
      <c r="H249" s="6" t="s">
        <v>519</v>
      </c>
      <c r="I249" s="6" t="s">
        <v>4</v>
      </c>
    </row>
    <row r="250" spans="1:9" ht="45" customHeight="1" x14ac:dyDescent="0.15">
      <c r="A250" s="6" t="s">
        <v>1091</v>
      </c>
      <c r="B250" s="6" t="s">
        <v>1339</v>
      </c>
      <c r="C250" s="6" t="s">
        <v>1340</v>
      </c>
      <c r="D250" s="6" t="s">
        <v>1341</v>
      </c>
      <c r="E250" s="6" t="s">
        <v>1342</v>
      </c>
      <c r="F250" s="6" t="s">
        <v>1343</v>
      </c>
      <c r="G250" s="6" t="s">
        <v>1344</v>
      </c>
      <c r="H250" s="6" t="s">
        <v>1424</v>
      </c>
      <c r="I250" s="6" t="s">
        <v>1404</v>
      </c>
    </row>
    <row r="251" spans="1:9" ht="45" customHeight="1" x14ac:dyDescent="0.15">
      <c r="A251" s="6" t="s">
        <v>1091</v>
      </c>
      <c r="B251" s="6" t="s">
        <v>520</v>
      </c>
      <c r="C251" s="6" t="s">
        <v>524</v>
      </c>
      <c r="D251" s="6" t="s">
        <v>521</v>
      </c>
      <c r="E251" s="6" t="s">
        <v>522</v>
      </c>
      <c r="F251" s="6" t="s">
        <v>523</v>
      </c>
      <c r="G251" s="6" t="s">
        <v>525</v>
      </c>
      <c r="H251" s="6" t="s">
        <v>526</v>
      </c>
      <c r="I251" s="6" t="s">
        <v>4</v>
      </c>
    </row>
    <row r="252" spans="1:9" ht="45" customHeight="1" x14ac:dyDescent="0.15">
      <c r="A252" s="6" t="s">
        <v>1729</v>
      </c>
      <c r="B252" s="16" t="s">
        <v>1730</v>
      </c>
      <c r="C252" s="6" t="s">
        <v>1731</v>
      </c>
      <c r="D252" s="16" t="s">
        <v>510</v>
      </c>
      <c r="E252" s="6" t="s">
        <v>1732</v>
      </c>
      <c r="F252" s="6"/>
      <c r="G252" s="16" t="s">
        <v>513</v>
      </c>
      <c r="H252" s="16" t="s">
        <v>514</v>
      </c>
      <c r="I252" s="16" t="s">
        <v>1733</v>
      </c>
    </row>
    <row r="253" spans="1:9" ht="45" customHeight="1" x14ac:dyDescent="0.15">
      <c r="A253" s="6" t="s">
        <v>1091</v>
      </c>
      <c r="B253" s="11">
        <v>2374201230</v>
      </c>
      <c r="C253" s="6" t="s">
        <v>1648</v>
      </c>
      <c r="D253" s="6" t="s">
        <v>1649</v>
      </c>
      <c r="E253" s="6" t="s">
        <v>1650</v>
      </c>
      <c r="F253" s="6"/>
      <c r="G253" s="6" t="s">
        <v>1651</v>
      </c>
      <c r="H253" s="6" t="s">
        <v>1652</v>
      </c>
      <c r="I253" s="12">
        <v>44119</v>
      </c>
    </row>
    <row r="254" spans="1:9" ht="45" customHeight="1" x14ac:dyDescent="0.15">
      <c r="A254" s="6" t="s">
        <v>1091</v>
      </c>
      <c r="B254" s="6" t="s">
        <v>527</v>
      </c>
      <c r="C254" s="6" t="s">
        <v>530</v>
      </c>
      <c r="D254" s="6" t="s">
        <v>528</v>
      </c>
      <c r="E254" s="6" t="s">
        <v>529</v>
      </c>
      <c r="F254" s="6"/>
      <c r="G254" s="6" t="s">
        <v>531</v>
      </c>
      <c r="H254" s="6" t="s">
        <v>532</v>
      </c>
      <c r="I254" s="6" t="s">
        <v>4</v>
      </c>
    </row>
    <row r="255" spans="1:9" ht="45" customHeight="1" x14ac:dyDescent="0.15">
      <c r="A255" s="6" t="s">
        <v>1091</v>
      </c>
      <c r="B255" s="6" t="s">
        <v>533</v>
      </c>
      <c r="C255" s="6" t="s">
        <v>536</v>
      </c>
      <c r="D255" s="6" t="s">
        <v>534</v>
      </c>
      <c r="E255" s="6" t="s">
        <v>535</v>
      </c>
      <c r="F255" s="6"/>
      <c r="G255" s="6" t="s">
        <v>537</v>
      </c>
      <c r="H255" s="6" t="s">
        <v>538</v>
      </c>
      <c r="I255" s="6" t="s">
        <v>4</v>
      </c>
    </row>
    <row r="256" spans="1:9" ht="45" customHeight="1" x14ac:dyDescent="0.15">
      <c r="A256" s="6" t="s">
        <v>1091</v>
      </c>
      <c r="B256" s="6" t="s">
        <v>539</v>
      </c>
      <c r="C256" s="6" t="s">
        <v>542</v>
      </c>
      <c r="D256" s="6" t="s">
        <v>540</v>
      </c>
      <c r="E256" s="6" t="s">
        <v>541</v>
      </c>
      <c r="F256" s="6"/>
      <c r="G256" s="6" t="s">
        <v>543</v>
      </c>
      <c r="H256" s="6" t="s">
        <v>544</v>
      </c>
      <c r="I256" s="6" t="s">
        <v>4</v>
      </c>
    </row>
    <row r="257" spans="1:9" ht="45" customHeight="1" x14ac:dyDescent="0.15">
      <c r="A257" s="6" t="s">
        <v>1091</v>
      </c>
      <c r="B257" s="6" t="s">
        <v>1506</v>
      </c>
      <c r="C257" s="6" t="s">
        <v>1507</v>
      </c>
      <c r="D257" s="6" t="s">
        <v>1508</v>
      </c>
      <c r="E257" s="6" t="s">
        <v>1509</v>
      </c>
      <c r="F257" s="6" t="s">
        <v>1510</v>
      </c>
      <c r="G257" s="6" t="s">
        <v>1511</v>
      </c>
      <c r="H257" s="6" t="s">
        <v>1512</v>
      </c>
      <c r="I257" s="6" t="s">
        <v>1513</v>
      </c>
    </row>
    <row r="258" spans="1:9" ht="45" customHeight="1" x14ac:dyDescent="0.15">
      <c r="A258" s="6" t="s">
        <v>1091</v>
      </c>
      <c r="B258" s="6" t="s">
        <v>545</v>
      </c>
      <c r="C258" s="6" t="s">
        <v>548</v>
      </c>
      <c r="D258" s="6" t="s">
        <v>546</v>
      </c>
      <c r="E258" s="6" t="s">
        <v>547</v>
      </c>
      <c r="F258" s="6"/>
      <c r="G258" s="6" t="s">
        <v>549</v>
      </c>
      <c r="H258" s="6" t="s">
        <v>550</v>
      </c>
      <c r="I258" s="6" t="s">
        <v>4</v>
      </c>
    </row>
    <row r="259" spans="1:9" ht="45" customHeight="1" x14ac:dyDescent="0.15">
      <c r="A259" s="6" t="s">
        <v>1091</v>
      </c>
      <c r="B259" s="6" t="s">
        <v>551</v>
      </c>
      <c r="C259" s="6" t="s">
        <v>552</v>
      </c>
      <c r="D259" s="6" t="s">
        <v>553</v>
      </c>
      <c r="E259" s="6" t="s">
        <v>554</v>
      </c>
      <c r="F259" s="6"/>
      <c r="G259" s="6" t="s">
        <v>555</v>
      </c>
      <c r="H259" s="6" t="s">
        <v>556</v>
      </c>
      <c r="I259" s="6" t="s">
        <v>4</v>
      </c>
    </row>
    <row r="260" spans="1:9" ht="45" customHeight="1" x14ac:dyDescent="0.15">
      <c r="A260" s="6" t="s">
        <v>1091</v>
      </c>
      <c r="B260" s="6" t="s">
        <v>1345</v>
      </c>
      <c r="C260" s="6" t="s">
        <v>1346</v>
      </c>
      <c r="D260" s="6" t="s">
        <v>1347</v>
      </c>
      <c r="E260" s="6" t="s">
        <v>1348</v>
      </c>
      <c r="F260" s="6"/>
      <c r="G260" s="6" t="s">
        <v>1349</v>
      </c>
      <c r="H260" s="6" t="s">
        <v>1425</v>
      </c>
      <c r="I260" s="6" t="s">
        <v>1426</v>
      </c>
    </row>
    <row r="261" spans="1:9" ht="45" customHeight="1" x14ac:dyDescent="0.15">
      <c r="A261" s="6" t="s">
        <v>1734</v>
      </c>
      <c r="B261" s="16" t="s">
        <v>1735</v>
      </c>
      <c r="C261" s="6" t="s">
        <v>1736</v>
      </c>
      <c r="D261" s="16" t="s">
        <v>1737</v>
      </c>
      <c r="E261" s="6" t="s">
        <v>1738</v>
      </c>
      <c r="F261" s="6"/>
      <c r="G261" s="16" t="s">
        <v>1739</v>
      </c>
      <c r="H261" s="16" t="s">
        <v>1740</v>
      </c>
      <c r="I261" s="16" t="s">
        <v>1741</v>
      </c>
    </row>
    <row r="262" spans="1:9" ht="45" customHeight="1" x14ac:dyDescent="0.15">
      <c r="A262" s="6" t="s">
        <v>1091</v>
      </c>
      <c r="B262" s="6" t="s">
        <v>563</v>
      </c>
      <c r="C262" s="6" t="s">
        <v>566</v>
      </c>
      <c r="D262" s="6" t="s">
        <v>564</v>
      </c>
      <c r="E262" s="6" t="s">
        <v>565</v>
      </c>
      <c r="F262" s="6"/>
      <c r="G262" s="6" t="s">
        <v>567</v>
      </c>
      <c r="H262" s="6" t="s">
        <v>568</v>
      </c>
      <c r="I262" s="6" t="s">
        <v>4</v>
      </c>
    </row>
    <row r="263" spans="1:9" ht="45" customHeight="1" x14ac:dyDescent="0.15">
      <c r="A263" s="6" t="s">
        <v>1091</v>
      </c>
      <c r="B263" s="6" t="s">
        <v>1350</v>
      </c>
      <c r="C263" s="6" t="s">
        <v>1351</v>
      </c>
      <c r="D263" s="6" t="s">
        <v>1352</v>
      </c>
      <c r="E263" s="6" t="s">
        <v>1353</v>
      </c>
      <c r="F263" s="6"/>
      <c r="G263" s="6" t="s">
        <v>1354</v>
      </c>
      <c r="H263" s="6" t="s">
        <v>1427</v>
      </c>
      <c r="I263" s="6" t="s">
        <v>1380</v>
      </c>
    </row>
    <row r="264" spans="1:9" ht="45" customHeight="1" x14ac:dyDescent="0.15">
      <c r="A264" s="6" t="s">
        <v>1091</v>
      </c>
      <c r="B264" s="6" t="s">
        <v>569</v>
      </c>
      <c r="C264" s="6" t="s">
        <v>572</v>
      </c>
      <c r="D264" s="6" t="s">
        <v>570</v>
      </c>
      <c r="E264" s="6" t="s">
        <v>571</v>
      </c>
      <c r="F264" s="6"/>
      <c r="G264" s="6" t="s">
        <v>573</v>
      </c>
      <c r="H264" s="6" t="s">
        <v>574</v>
      </c>
      <c r="I264" s="6" t="s">
        <v>4</v>
      </c>
    </row>
    <row r="265" spans="1:9" ht="45" customHeight="1" x14ac:dyDescent="0.15">
      <c r="A265" s="6" t="s">
        <v>1091</v>
      </c>
      <c r="B265" s="6" t="s">
        <v>1058</v>
      </c>
      <c r="C265" s="6" t="s">
        <v>1061</v>
      </c>
      <c r="D265" s="6" t="s">
        <v>1059</v>
      </c>
      <c r="E265" s="6" t="s">
        <v>1060</v>
      </c>
      <c r="F265" s="6"/>
      <c r="G265" s="6" t="s">
        <v>1062</v>
      </c>
      <c r="H265" s="6" t="s">
        <v>1063</v>
      </c>
      <c r="I265" s="6" t="s">
        <v>4</v>
      </c>
    </row>
    <row r="266" spans="1:9" ht="45" customHeight="1" x14ac:dyDescent="0.15">
      <c r="A266" s="6" t="s">
        <v>1091</v>
      </c>
      <c r="B266" s="6" t="s">
        <v>575</v>
      </c>
      <c r="C266" s="6" t="s">
        <v>578</v>
      </c>
      <c r="D266" s="6" t="s">
        <v>576</v>
      </c>
      <c r="E266" s="6" t="s">
        <v>577</v>
      </c>
      <c r="F266" s="6"/>
      <c r="G266" s="6" t="s">
        <v>579</v>
      </c>
      <c r="H266" s="6" t="s">
        <v>580</v>
      </c>
      <c r="I266" s="6" t="s">
        <v>4</v>
      </c>
    </row>
    <row r="267" spans="1:9" ht="45" customHeight="1" x14ac:dyDescent="0.15">
      <c r="A267" s="6" t="s">
        <v>1091</v>
      </c>
      <c r="B267" s="6" t="s">
        <v>581</v>
      </c>
      <c r="C267" s="6" t="s">
        <v>582</v>
      </c>
      <c r="D267" s="6" t="s">
        <v>583</v>
      </c>
      <c r="E267" s="6" t="s">
        <v>584</v>
      </c>
      <c r="F267" s="6"/>
      <c r="G267" s="6" t="s">
        <v>585</v>
      </c>
      <c r="H267" s="6" t="s">
        <v>586</v>
      </c>
      <c r="I267" s="6" t="s">
        <v>4</v>
      </c>
    </row>
    <row r="268" spans="1:9" ht="45" customHeight="1" x14ac:dyDescent="0.15">
      <c r="A268" s="6" t="s">
        <v>1734</v>
      </c>
      <c r="B268" s="16" t="s">
        <v>1742</v>
      </c>
      <c r="C268" s="16" t="s">
        <v>1743</v>
      </c>
      <c r="D268" s="16" t="s">
        <v>484</v>
      </c>
      <c r="E268" s="6" t="s">
        <v>1744</v>
      </c>
      <c r="F268" s="6"/>
      <c r="G268" s="16" t="s">
        <v>1745</v>
      </c>
      <c r="H268" s="16" t="s">
        <v>1746</v>
      </c>
      <c r="I268" s="16" t="s">
        <v>1705</v>
      </c>
    </row>
    <row r="269" spans="1:9" ht="45" customHeight="1" x14ac:dyDescent="0.15">
      <c r="A269" s="6" t="s">
        <v>1091</v>
      </c>
      <c r="B269" s="6" t="s">
        <v>1355</v>
      </c>
      <c r="C269" s="6" t="s">
        <v>1356</v>
      </c>
      <c r="D269" s="6" t="s">
        <v>1357</v>
      </c>
      <c r="E269" s="6" t="s">
        <v>1358</v>
      </c>
      <c r="F269" s="6"/>
      <c r="G269" s="6" t="s">
        <v>1359</v>
      </c>
      <c r="H269" s="6" t="s">
        <v>1428</v>
      </c>
      <c r="I269" s="6" t="s">
        <v>1409</v>
      </c>
    </row>
    <row r="270" spans="1:9" ht="45" customHeight="1" x14ac:dyDescent="0.15">
      <c r="A270" s="6" t="s">
        <v>1091</v>
      </c>
      <c r="B270" s="6" t="s">
        <v>1064</v>
      </c>
      <c r="C270" s="6" t="s">
        <v>1065</v>
      </c>
      <c r="D270" s="6" t="s">
        <v>1066</v>
      </c>
      <c r="E270" s="6" t="s">
        <v>1067</v>
      </c>
      <c r="F270" s="6"/>
      <c r="G270" s="6" t="s">
        <v>1068</v>
      </c>
      <c r="H270" s="6" t="s">
        <v>1069</v>
      </c>
      <c r="I270" s="6" t="s">
        <v>4</v>
      </c>
    </row>
    <row r="271" spans="1:9" ht="45" customHeight="1" x14ac:dyDescent="0.15">
      <c r="A271" s="6" t="s">
        <v>1091</v>
      </c>
      <c r="B271" s="6" t="s">
        <v>587</v>
      </c>
      <c r="C271" s="6" t="s">
        <v>588</v>
      </c>
      <c r="D271" s="6" t="s">
        <v>589</v>
      </c>
      <c r="E271" s="6" t="s">
        <v>590</v>
      </c>
      <c r="F271" s="6"/>
      <c r="G271" s="6" t="s">
        <v>591</v>
      </c>
      <c r="H271" s="6" t="s">
        <v>592</v>
      </c>
      <c r="I271" s="6" t="s">
        <v>4</v>
      </c>
    </row>
    <row r="272" spans="1:9" ht="45" customHeight="1" x14ac:dyDescent="0.15">
      <c r="A272" s="6" t="s">
        <v>1091</v>
      </c>
      <c r="B272" s="6" t="s">
        <v>593</v>
      </c>
      <c r="C272" s="6" t="s">
        <v>594</v>
      </c>
      <c r="D272" s="6" t="s">
        <v>595</v>
      </c>
      <c r="E272" s="6" t="s">
        <v>596</v>
      </c>
      <c r="F272" s="6"/>
      <c r="G272" s="6" t="s">
        <v>597</v>
      </c>
      <c r="H272" s="6" t="s">
        <v>598</v>
      </c>
      <c r="I272" s="6" t="s">
        <v>4</v>
      </c>
    </row>
    <row r="273" spans="1:9" ht="45" customHeight="1" x14ac:dyDescent="0.15">
      <c r="A273" s="6" t="s">
        <v>1091</v>
      </c>
      <c r="B273" s="6" t="s">
        <v>599</v>
      </c>
      <c r="C273" s="6" t="s">
        <v>602</v>
      </c>
      <c r="D273" s="6" t="s">
        <v>600</v>
      </c>
      <c r="E273" s="6" t="s">
        <v>601</v>
      </c>
      <c r="F273" s="6"/>
      <c r="G273" s="6" t="s">
        <v>603</v>
      </c>
      <c r="H273" s="6" t="s">
        <v>604</v>
      </c>
      <c r="I273" s="6" t="s">
        <v>4</v>
      </c>
    </row>
    <row r="274" spans="1:9" ht="45" customHeight="1" x14ac:dyDescent="0.15">
      <c r="A274" s="6" t="s">
        <v>1091</v>
      </c>
      <c r="B274" s="6" t="s">
        <v>1467</v>
      </c>
      <c r="C274" s="6" t="s">
        <v>1468</v>
      </c>
      <c r="D274" s="6" t="s">
        <v>1469</v>
      </c>
      <c r="E274" s="6" t="s">
        <v>1470</v>
      </c>
      <c r="F274" s="6"/>
      <c r="G274" s="6" t="s">
        <v>1471</v>
      </c>
      <c r="H274" s="6" t="s">
        <v>1472</v>
      </c>
      <c r="I274" s="6" t="s">
        <v>1438</v>
      </c>
    </row>
    <row r="275" spans="1:9" ht="45" customHeight="1" x14ac:dyDescent="0.15">
      <c r="A275" s="6" t="s">
        <v>1091</v>
      </c>
      <c r="B275" s="6" t="s">
        <v>612</v>
      </c>
      <c r="C275" s="6" t="s">
        <v>615</v>
      </c>
      <c r="D275" s="6" t="s">
        <v>613</v>
      </c>
      <c r="E275" s="6" t="s">
        <v>614</v>
      </c>
      <c r="F275" s="6"/>
      <c r="G275" s="6" t="s">
        <v>616</v>
      </c>
      <c r="H275" s="6" t="s">
        <v>617</v>
      </c>
      <c r="I275" s="6" t="s">
        <v>4</v>
      </c>
    </row>
    <row r="276" spans="1:9" ht="45" customHeight="1" x14ac:dyDescent="0.15">
      <c r="A276" s="6" t="s">
        <v>1091</v>
      </c>
      <c r="B276" s="6" t="s">
        <v>618</v>
      </c>
      <c r="C276" s="6" t="s">
        <v>619</v>
      </c>
      <c r="D276" s="6" t="s">
        <v>620</v>
      </c>
      <c r="E276" s="6" t="s">
        <v>1625</v>
      </c>
      <c r="F276" s="6"/>
      <c r="G276" s="6" t="s">
        <v>621</v>
      </c>
      <c r="H276" s="6" t="s">
        <v>622</v>
      </c>
      <c r="I276" s="6" t="s">
        <v>4</v>
      </c>
    </row>
    <row r="277" spans="1:9" ht="45" customHeight="1" x14ac:dyDescent="0.15">
      <c r="A277" s="6" t="s">
        <v>1091</v>
      </c>
      <c r="B277" s="6" t="s">
        <v>623</v>
      </c>
      <c r="C277" s="6" t="s">
        <v>625</v>
      </c>
      <c r="D277" s="6" t="s">
        <v>624</v>
      </c>
      <c r="E277" s="6" t="s">
        <v>1473</v>
      </c>
      <c r="F277" s="6"/>
      <c r="G277" s="6" t="s">
        <v>626</v>
      </c>
      <c r="H277" s="6" t="s">
        <v>627</v>
      </c>
      <c r="I277" s="6" t="s">
        <v>4</v>
      </c>
    </row>
    <row r="278" spans="1:9" ht="45" customHeight="1" x14ac:dyDescent="0.15">
      <c r="A278" s="6" t="s">
        <v>1091</v>
      </c>
      <c r="B278" s="6" t="s">
        <v>628</v>
      </c>
      <c r="C278" s="6" t="s">
        <v>630</v>
      </c>
      <c r="D278" s="6" t="s">
        <v>629</v>
      </c>
      <c r="E278" s="6" t="s">
        <v>1163</v>
      </c>
      <c r="F278" s="6"/>
      <c r="G278" s="6" t="s">
        <v>631</v>
      </c>
      <c r="H278" s="6" t="s">
        <v>632</v>
      </c>
      <c r="I278" s="6" t="s">
        <v>4</v>
      </c>
    </row>
    <row r="279" spans="1:9" ht="45" customHeight="1" x14ac:dyDescent="0.15">
      <c r="A279" s="6" t="s">
        <v>1091</v>
      </c>
      <c r="B279" s="6" t="s">
        <v>633</v>
      </c>
      <c r="C279" s="6" t="s">
        <v>634</v>
      </c>
      <c r="D279" s="6" t="s">
        <v>635</v>
      </c>
      <c r="E279" s="6" t="s">
        <v>636</v>
      </c>
      <c r="F279" s="6"/>
      <c r="G279" s="6" t="s">
        <v>637</v>
      </c>
      <c r="H279" s="6" t="s">
        <v>638</v>
      </c>
      <c r="I279" s="6" t="s">
        <v>4</v>
      </c>
    </row>
    <row r="280" spans="1:9" ht="45" customHeight="1" x14ac:dyDescent="0.15">
      <c r="A280" s="6" t="s">
        <v>1091</v>
      </c>
      <c r="B280" s="6" t="s">
        <v>639</v>
      </c>
      <c r="C280" s="6" t="s">
        <v>641</v>
      </c>
      <c r="D280" s="6" t="s">
        <v>642</v>
      </c>
      <c r="E280" s="6" t="s">
        <v>643</v>
      </c>
      <c r="F280" s="6"/>
      <c r="G280" s="6" t="s">
        <v>644</v>
      </c>
      <c r="H280" s="6" t="s">
        <v>645</v>
      </c>
      <c r="I280" s="6" t="s">
        <v>4</v>
      </c>
    </row>
    <row r="281" spans="1:9" ht="45" customHeight="1" x14ac:dyDescent="0.15">
      <c r="A281" s="6" t="s">
        <v>1091</v>
      </c>
      <c r="B281" s="6" t="s">
        <v>1568</v>
      </c>
      <c r="C281" s="6" t="s">
        <v>1569</v>
      </c>
      <c r="D281" s="6" t="s">
        <v>1570</v>
      </c>
      <c r="E281" s="6" t="s">
        <v>1571</v>
      </c>
      <c r="F281" s="6"/>
      <c r="G281" s="6" t="s">
        <v>1572</v>
      </c>
      <c r="H281" s="6" t="s">
        <v>1573</v>
      </c>
      <c r="I281" s="6" t="s">
        <v>1574</v>
      </c>
    </row>
    <row r="282" spans="1:9" ht="45" customHeight="1" x14ac:dyDescent="0.15">
      <c r="A282" s="9" t="s">
        <v>1091</v>
      </c>
      <c r="B282" s="10" t="s">
        <v>651</v>
      </c>
      <c r="C282" s="10" t="s">
        <v>654</v>
      </c>
      <c r="D282" s="10" t="s">
        <v>652</v>
      </c>
      <c r="E282" s="10" t="s">
        <v>653</v>
      </c>
      <c r="F282" s="10"/>
      <c r="G282" s="10" t="s">
        <v>655</v>
      </c>
      <c r="H282" s="10" t="s">
        <v>656</v>
      </c>
      <c r="I282" s="10" t="s">
        <v>4</v>
      </c>
    </row>
    <row r="283" spans="1:9" ht="45" customHeight="1" x14ac:dyDescent="0.15">
      <c r="A283" s="9" t="s">
        <v>1091</v>
      </c>
      <c r="B283" s="14">
        <v>2377601220</v>
      </c>
      <c r="C283" s="10" t="s">
        <v>1678</v>
      </c>
      <c r="D283" s="10" t="s">
        <v>1679</v>
      </c>
      <c r="E283" s="10" t="s">
        <v>1680</v>
      </c>
      <c r="F283" s="10"/>
      <c r="G283" s="10" t="s">
        <v>1681</v>
      </c>
      <c r="H283" s="10" t="s">
        <v>1682</v>
      </c>
      <c r="I283" s="15">
        <v>44236</v>
      </c>
    </row>
    <row r="284" spans="1:9" ht="45" customHeight="1" x14ac:dyDescent="0.15">
      <c r="A284" s="9" t="s">
        <v>1091</v>
      </c>
      <c r="B284" s="10" t="s">
        <v>1360</v>
      </c>
      <c r="C284" s="10" t="s">
        <v>1361</v>
      </c>
      <c r="D284" s="10" t="s">
        <v>1362</v>
      </c>
      <c r="E284" s="10" t="s">
        <v>1363</v>
      </c>
      <c r="F284" s="10"/>
      <c r="G284" s="10" t="s">
        <v>1364</v>
      </c>
      <c r="H284" s="10" t="s">
        <v>1429</v>
      </c>
      <c r="I284" s="10" t="s">
        <v>1430</v>
      </c>
    </row>
    <row r="285" spans="1:9" ht="45" customHeight="1" x14ac:dyDescent="0.15">
      <c r="A285" s="9" t="s">
        <v>1091</v>
      </c>
      <c r="B285" s="10" t="s">
        <v>1514</v>
      </c>
      <c r="C285" s="10" t="s">
        <v>1515</v>
      </c>
      <c r="D285" s="10" t="s">
        <v>1516</v>
      </c>
      <c r="E285" s="10" t="s">
        <v>1517</v>
      </c>
      <c r="F285" s="10"/>
      <c r="G285" s="10" t="s">
        <v>1518</v>
      </c>
      <c r="H285" s="10" t="s">
        <v>1519</v>
      </c>
      <c r="I285" s="10" t="s">
        <v>1520</v>
      </c>
    </row>
    <row r="286" spans="1:9" ht="45" customHeight="1" x14ac:dyDescent="0.15">
      <c r="A286" s="9" t="s">
        <v>1091</v>
      </c>
      <c r="B286" s="10" t="s">
        <v>1365</v>
      </c>
      <c r="C286" s="10" t="s">
        <v>1366</v>
      </c>
      <c r="D286" s="10" t="s">
        <v>1367</v>
      </c>
      <c r="E286" s="10" t="s">
        <v>1368</v>
      </c>
      <c r="F286" s="10"/>
      <c r="G286" s="10" t="s">
        <v>1521</v>
      </c>
      <c r="H286" s="10" t="s">
        <v>1522</v>
      </c>
      <c r="I286" s="10" t="s">
        <v>1431</v>
      </c>
    </row>
    <row r="287" spans="1:9" ht="45" customHeight="1" x14ac:dyDescent="0.15">
      <c r="A287" s="7"/>
      <c r="B287" s="8"/>
      <c r="C287" s="8"/>
      <c r="D287" s="8"/>
      <c r="E287" s="8"/>
      <c r="F287" s="8"/>
      <c r="G287" s="8"/>
      <c r="H287" s="8"/>
      <c r="I287" s="8"/>
    </row>
    <row r="288" spans="1:9" ht="45" customHeight="1" x14ac:dyDescent="0.15">
      <c r="A288" s="5"/>
      <c r="B288" s="4"/>
      <c r="C288" s="4"/>
      <c r="D288" s="4"/>
      <c r="E288" s="4"/>
      <c r="F288" s="4"/>
      <c r="G288" s="4"/>
      <c r="H288" s="4"/>
      <c r="I288" s="4"/>
    </row>
    <row r="289" spans="1:9" ht="45" customHeight="1" x14ac:dyDescent="0.15">
      <c r="A289" s="5"/>
      <c r="B289" s="4"/>
      <c r="C289" s="4"/>
      <c r="D289" s="4"/>
      <c r="E289" s="4"/>
      <c r="F289" s="4"/>
      <c r="G289" s="4"/>
      <c r="H289" s="4"/>
      <c r="I289" s="4"/>
    </row>
    <row r="290" spans="1:9" ht="45" customHeight="1" x14ac:dyDescent="0.15">
      <c r="A290" s="5"/>
      <c r="B290" s="4"/>
      <c r="C290" s="4"/>
      <c r="D290" s="4"/>
      <c r="E290" s="4"/>
      <c r="F290" s="4"/>
      <c r="G290" s="4"/>
      <c r="H290" s="4"/>
      <c r="I290" s="4"/>
    </row>
    <row r="291" spans="1:9" ht="45" customHeight="1" x14ac:dyDescent="0.15">
      <c r="A291" s="5"/>
      <c r="B291" s="4"/>
      <c r="C291" s="4"/>
      <c r="D291" s="4"/>
      <c r="E291" s="4"/>
      <c r="F291" s="4"/>
      <c r="G291" s="4"/>
      <c r="H291" s="4"/>
      <c r="I291" s="4"/>
    </row>
    <row r="292" spans="1:9" ht="45" customHeight="1" x14ac:dyDescent="0.15">
      <c r="A292" s="5"/>
      <c r="B292" s="4"/>
      <c r="C292" s="4"/>
      <c r="D292" s="4"/>
      <c r="E292" s="4"/>
      <c r="F292" s="4"/>
      <c r="G292" s="4"/>
      <c r="H292" s="4"/>
      <c r="I292" s="4"/>
    </row>
    <row r="293" spans="1:9" ht="45" customHeight="1" x14ac:dyDescent="0.15">
      <c r="A293" s="5"/>
      <c r="B293" s="4"/>
      <c r="C293" s="4"/>
      <c r="D293" s="4"/>
      <c r="E293" s="4"/>
      <c r="F293" s="4"/>
      <c r="G293" s="4"/>
      <c r="H293" s="4"/>
      <c r="I293" s="4"/>
    </row>
    <row r="294" spans="1:9" ht="45" customHeight="1" x14ac:dyDescent="0.15">
      <c r="A294" s="5"/>
      <c r="B294" s="4"/>
      <c r="C294" s="4"/>
      <c r="D294" s="4"/>
      <c r="E294" s="4"/>
      <c r="F294" s="4"/>
      <c r="G294" s="4"/>
      <c r="H294" s="4"/>
      <c r="I294" s="4"/>
    </row>
    <row r="295" spans="1:9" ht="45" customHeight="1" x14ac:dyDescent="0.15">
      <c r="A295" s="5"/>
      <c r="B295" s="4"/>
      <c r="C295" s="4"/>
      <c r="D295" s="4"/>
      <c r="E295" s="4"/>
      <c r="F295" s="4"/>
      <c r="G295" s="4"/>
      <c r="H295" s="4"/>
      <c r="I295" s="4"/>
    </row>
    <row r="296" spans="1:9" ht="45" customHeight="1" x14ac:dyDescent="0.15">
      <c r="A296" s="5"/>
      <c r="B296" s="4"/>
      <c r="C296" s="4"/>
      <c r="D296" s="4"/>
      <c r="E296" s="4"/>
      <c r="F296" s="4"/>
      <c r="G296" s="4"/>
      <c r="H296" s="4"/>
      <c r="I296" s="4"/>
    </row>
    <row r="297" spans="1:9" ht="45" customHeight="1" x14ac:dyDescent="0.15">
      <c r="A297" s="5"/>
      <c r="B297" s="4"/>
      <c r="C297" s="4"/>
      <c r="D297" s="4"/>
      <c r="E297" s="4"/>
      <c r="F297" s="4"/>
      <c r="G297" s="4"/>
      <c r="H297" s="4"/>
      <c r="I297" s="4"/>
    </row>
    <row r="298" spans="1:9" ht="45" customHeight="1" x14ac:dyDescent="0.15">
      <c r="A298" s="5"/>
      <c r="B298" s="4"/>
      <c r="C298" s="4"/>
      <c r="D298" s="4"/>
      <c r="E298" s="4"/>
      <c r="F298" s="4"/>
      <c r="G298" s="4"/>
      <c r="H298" s="4"/>
      <c r="I298" s="4"/>
    </row>
    <row r="299" spans="1:9" ht="45" customHeight="1" x14ac:dyDescent="0.15">
      <c r="A299" s="5"/>
      <c r="B299" s="4"/>
      <c r="C299" s="4"/>
      <c r="D299" s="4"/>
      <c r="E299" s="4"/>
      <c r="F299" s="4"/>
      <c r="G299" s="4"/>
      <c r="H299" s="4"/>
      <c r="I299" s="4"/>
    </row>
    <row r="300" spans="1:9" ht="45" customHeight="1" x14ac:dyDescent="0.15">
      <c r="A300" s="5"/>
      <c r="B300" s="4"/>
      <c r="C300" s="4"/>
      <c r="D300" s="4"/>
      <c r="E300" s="4"/>
      <c r="F300" s="4"/>
      <c r="G300" s="4"/>
      <c r="H300" s="4"/>
      <c r="I300" s="4"/>
    </row>
    <row r="301" spans="1:9" ht="45" customHeight="1" x14ac:dyDescent="0.15">
      <c r="A301" s="5"/>
      <c r="B301" s="4"/>
      <c r="C301" s="4"/>
      <c r="D301" s="4"/>
      <c r="E301" s="4"/>
      <c r="F301" s="4"/>
      <c r="G301" s="4"/>
      <c r="H301" s="4"/>
      <c r="I301" s="4"/>
    </row>
    <row r="302" spans="1:9" ht="45" customHeight="1" x14ac:dyDescent="0.15">
      <c r="A302" s="5"/>
      <c r="B302" s="4"/>
      <c r="C302" s="4"/>
      <c r="D302" s="4"/>
      <c r="E302" s="4"/>
      <c r="F302" s="4"/>
      <c r="G302" s="4"/>
      <c r="H302" s="4"/>
      <c r="I302" s="4"/>
    </row>
    <row r="303" spans="1:9" ht="45" customHeight="1" x14ac:dyDescent="0.15">
      <c r="A303" s="5"/>
      <c r="B303" s="4"/>
      <c r="C303" s="4"/>
      <c r="D303" s="4"/>
      <c r="E303" s="4"/>
      <c r="F303" s="4"/>
      <c r="G303" s="4"/>
      <c r="H303" s="4"/>
      <c r="I303" s="4"/>
    </row>
    <row r="304" spans="1:9" ht="45" customHeight="1" x14ac:dyDescent="0.15">
      <c r="A304" s="5"/>
      <c r="B304" s="4"/>
      <c r="C304" s="4"/>
      <c r="D304" s="4"/>
      <c r="E304" s="4"/>
      <c r="F304" s="4"/>
      <c r="G304" s="4"/>
      <c r="H304" s="4"/>
      <c r="I304" s="4"/>
    </row>
    <row r="305" spans="1:9" ht="45" customHeight="1" x14ac:dyDescent="0.15">
      <c r="A305" s="5"/>
      <c r="B305" s="4"/>
      <c r="C305" s="4"/>
      <c r="D305" s="4"/>
      <c r="E305" s="4"/>
      <c r="F305" s="4"/>
      <c r="G305" s="4"/>
      <c r="H305" s="4"/>
      <c r="I305" s="4"/>
    </row>
    <row r="306" spans="1:9" ht="45" customHeight="1" x14ac:dyDescent="0.15">
      <c r="A306" s="5"/>
      <c r="B306" s="4"/>
      <c r="C306" s="4"/>
      <c r="D306" s="4"/>
      <c r="E306" s="4"/>
      <c r="F306" s="4"/>
      <c r="G306" s="4"/>
      <c r="H306" s="4"/>
      <c r="I306" s="4"/>
    </row>
    <row r="307" spans="1:9" ht="45" customHeight="1" x14ac:dyDescent="0.15">
      <c r="A307" s="5"/>
      <c r="B307" s="4"/>
      <c r="C307" s="4"/>
      <c r="D307" s="4"/>
      <c r="E307" s="4"/>
      <c r="F307" s="4"/>
      <c r="G307" s="4"/>
      <c r="H307" s="4"/>
      <c r="I307" s="4"/>
    </row>
    <row r="308" spans="1:9" ht="45" customHeight="1" x14ac:dyDescent="0.15">
      <c r="A308" s="5"/>
      <c r="B308" s="4"/>
      <c r="C308" s="4"/>
      <c r="D308" s="4"/>
      <c r="E308" s="4"/>
      <c r="F308" s="4"/>
      <c r="G308" s="4"/>
      <c r="H308" s="4"/>
      <c r="I308" s="4"/>
    </row>
    <row r="309" spans="1:9" ht="45" customHeight="1" x14ac:dyDescent="0.15">
      <c r="A309" s="5"/>
      <c r="B309" s="4"/>
      <c r="C309" s="4"/>
      <c r="D309" s="4"/>
      <c r="E309" s="4"/>
      <c r="F309" s="4"/>
      <c r="G309" s="4"/>
      <c r="H309" s="4"/>
      <c r="I309" s="4"/>
    </row>
    <row r="310" spans="1:9" ht="45" customHeight="1" x14ac:dyDescent="0.15">
      <c r="A310" s="5"/>
      <c r="B310" s="4"/>
      <c r="C310" s="4"/>
      <c r="D310" s="4"/>
      <c r="E310" s="4"/>
      <c r="F310" s="4"/>
      <c r="G310" s="4"/>
      <c r="H310" s="4"/>
      <c r="I310" s="4"/>
    </row>
    <row r="311" spans="1:9" ht="45" customHeight="1" x14ac:dyDescent="0.15">
      <c r="A311" s="5"/>
      <c r="B311" s="4"/>
      <c r="C311" s="4"/>
      <c r="D311" s="4"/>
      <c r="E311" s="4"/>
      <c r="F311" s="4"/>
      <c r="G311" s="4"/>
      <c r="H311" s="4"/>
      <c r="I311" s="4"/>
    </row>
    <row r="312" spans="1:9" ht="45" customHeight="1" x14ac:dyDescent="0.15">
      <c r="A312" s="5"/>
      <c r="B312" s="4"/>
      <c r="C312" s="4"/>
      <c r="D312" s="4"/>
      <c r="E312" s="4"/>
      <c r="F312" s="4"/>
      <c r="G312" s="4"/>
      <c r="H312" s="4"/>
      <c r="I312" s="4"/>
    </row>
    <row r="313" spans="1:9" ht="45" customHeight="1" x14ac:dyDescent="0.15">
      <c r="A313" s="5"/>
      <c r="B313" s="4"/>
      <c r="C313" s="4"/>
      <c r="D313" s="4"/>
      <c r="E313" s="4"/>
      <c r="F313" s="4"/>
      <c r="G313" s="4"/>
      <c r="H313" s="4"/>
      <c r="I313" s="4"/>
    </row>
    <row r="314" spans="1:9" ht="45" customHeight="1" x14ac:dyDescent="0.15">
      <c r="A314" s="5"/>
      <c r="B314" s="4"/>
      <c r="C314" s="4"/>
      <c r="D314" s="4"/>
      <c r="E314" s="4"/>
      <c r="F314" s="4"/>
      <c r="G314" s="4"/>
      <c r="H314" s="4"/>
      <c r="I314" s="4"/>
    </row>
    <row r="315" spans="1:9" ht="45" customHeight="1" x14ac:dyDescent="0.15">
      <c r="A315" s="5"/>
      <c r="B315" s="4"/>
      <c r="C315" s="4"/>
      <c r="D315" s="4"/>
      <c r="E315" s="4"/>
      <c r="F315" s="4"/>
      <c r="G315" s="4"/>
      <c r="H315" s="4"/>
      <c r="I315" s="4"/>
    </row>
    <row r="316" spans="1:9" ht="45" customHeight="1" x14ac:dyDescent="0.15">
      <c r="A316" s="5"/>
      <c r="B316" s="4"/>
      <c r="C316" s="4"/>
      <c r="D316" s="4"/>
      <c r="E316" s="4"/>
      <c r="F316" s="4"/>
      <c r="G316" s="4"/>
      <c r="H316" s="4"/>
      <c r="I316" s="4"/>
    </row>
    <row r="317" spans="1:9" ht="45" customHeight="1" x14ac:dyDescent="0.15">
      <c r="A317" s="5"/>
      <c r="B317" s="4"/>
      <c r="C317" s="4"/>
      <c r="D317" s="4"/>
      <c r="E317" s="4"/>
      <c r="F317" s="4"/>
      <c r="G317" s="4"/>
      <c r="H317" s="4"/>
      <c r="I317" s="4"/>
    </row>
    <row r="318" spans="1:9" ht="45" customHeight="1" x14ac:dyDescent="0.15">
      <c r="A318" s="5"/>
      <c r="B318" s="4"/>
      <c r="C318" s="4"/>
      <c r="D318" s="4"/>
      <c r="E318" s="4"/>
      <c r="F318" s="4"/>
      <c r="G318" s="4"/>
      <c r="H318" s="4"/>
      <c r="I318" s="4"/>
    </row>
    <row r="319" spans="1:9" ht="45" customHeight="1" x14ac:dyDescent="0.15">
      <c r="A319" s="5"/>
      <c r="B319" s="4"/>
      <c r="C319" s="4"/>
      <c r="D319" s="4"/>
      <c r="E319" s="4"/>
      <c r="F319" s="4"/>
      <c r="G319" s="4"/>
      <c r="H319" s="4"/>
      <c r="I319" s="4"/>
    </row>
    <row r="320" spans="1:9" ht="45" customHeight="1" x14ac:dyDescent="0.15">
      <c r="A320" s="5"/>
      <c r="B320" s="4"/>
      <c r="C320" s="4"/>
      <c r="D320" s="4"/>
      <c r="E320" s="4"/>
      <c r="F320" s="4"/>
      <c r="G320" s="4"/>
      <c r="H320" s="4"/>
      <c r="I320" s="4"/>
    </row>
    <row r="321" spans="1:9" ht="45" customHeight="1" x14ac:dyDescent="0.15">
      <c r="A321" s="5"/>
      <c r="B321" s="4"/>
      <c r="C321" s="4"/>
      <c r="D321" s="4"/>
      <c r="E321" s="4"/>
      <c r="F321" s="4"/>
      <c r="G321" s="4"/>
      <c r="H321" s="4"/>
      <c r="I321" s="4"/>
    </row>
    <row r="322" spans="1:9" ht="45" customHeight="1" x14ac:dyDescent="0.15">
      <c r="A322" s="5"/>
      <c r="B322" s="4"/>
      <c r="C322" s="4"/>
      <c r="D322" s="4"/>
      <c r="E322" s="4"/>
      <c r="F322" s="4"/>
      <c r="G322" s="4"/>
      <c r="H322" s="4"/>
      <c r="I322" s="4"/>
    </row>
    <row r="323" spans="1:9" ht="45" customHeight="1" x14ac:dyDescent="0.15">
      <c r="A323" s="5"/>
      <c r="B323" s="4"/>
      <c r="C323" s="4"/>
      <c r="D323" s="4"/>
      <c r="E323" s="4"/>
      <c r="F323" s="4"/>
      <c r="G323" s="4"/>
      <c r="H323" s="4"/>
      <c r="I323" s="4"/>
    </row>
    <row r="324" spans="1:9" ht="45" customHeight="1" x14ac:dyDescent="0.15">
      <c r="A324" s="5"/>
      <c r="B324" s="4"/>
      <c r="C324" s="4"/>
      <c r="D324" s="4"/>
      <c r="E324" s="4"/>
      <c r="F324" s="4"/>
      <c r="G324" s="4"/>
      <c r="H324" s="4"/>
      <c r="I324" s="4"/>
    </row>
    <row r="325" spans="1:9" ht="45" customHeight="1" x14ac:dyDescent="0.15">
      <c r="A325" s="5"/>
      <c r="B325" s="4"/>
      <c r="C325" s="4"/>
      <c r="D325" s="4"/>
      <c r="E325" s="4"/>
      <c r="F325" s="4"/>
      <c r="G325" s="4"/>
      <c r="H325" s="4"/>
      <c r="I325" s="4"/>
    </row>
    <row r="326" spans="1:9" ht="45" customHeight="1" x14ac:dyDescent="0.15">
      <c r="A326" s="5"/>
      <c r="B326" s="4"/>
      <c r="C326" s="4"/>
      <c r="D326" s="4"/>
      <c r="E326" s="4"/>
      <c r="F326" s="4"/>
      <c r="G326" s="4"/>
      <c r="H326" s="4"/>
      <c r="I326" s="4"/>
    </row>
    <row r="327" spans="1:9" ht="45" customHeight="1" x14ac:dyDescent="0.15">
      <c r="A327" s="5"/>
      <c r="B327" s="4"/>
      <c r="C327" s="4"/>
      <c r="D327" s="4"/>
      <c r="E327" s="4"/>
      <c r="F327" s="4"/>
      <c r="G327" s="4"/>
      <c r="H327" s="4"/>
      <c r="I327" s="4"/>
    </row>
    <row r="328" spans="1:9" ht="45" customHeight="1" x14ac:dyDescent="0.15">
      <c r="A328" s="5"/>
      <c r="B328" s="4"/>
      <c r="C328" s="4"/>
      <c r="D328" s="4"/>
      <c r="E328" s="4"/>
      <c r="F328" s="4"/>
      <c r="G328" s="4"/>
      <c r="H328" s="4"/>
      <c r="I328" s="4"/>
    </row>
    <row r="329" spans="1:9" ht="45" customHeight="1" x14ac:dyDescent="0.15">
      <c r="A329" s="5"/>
      <c r="B329" s="4"/>
      <c r="C329" s="4"/>
      <c r="D329" s="4"/>
      <c r="E329" s="4"/>
      <c r="F329" s="4"/>
      <c r="G329" s="4"/>
      <c r="H329" s="4"/>
      <c r="I329" s="4"/>
    </row>
    <row r="330" spans="1:9" ht="45" customHeight="1" x14ac:dyDescent="0.15">
      <c r="A330" s="5"/>
      <c r="B330" s="4"/>
      <c r="C330" s="4"/>
      <c r="D330" s="4"/>
      <c r="E330" s="4"/>
      <c r="F330" s="4"/>
      <c r="G330" s="4"/>
      <c r="H330" s="4"/>
      <c r="I330" s="4"/>
    </row>
    <row r="331" spans="1:9" ht="45" customHeight="1" x14ac:dyDescent="0.15">
      <c r="A331" s="5"/>
      <c r="B331" s="4"/>
      <c r="C331" s="4"/>
      <c r="D331" s="4"/>
      <c r="E331" s="4"/>
      <c r="F331" s="4"/>
      <c r="G331" s="4"/>
      <c r="H331" s="4"/>
      <c r="I331" s="4"/>
    </row>
    <row r="332" spans="1:9" ht="45" customHeight="1" x14ac:dyDescent="0.15">
      <c r="A332" s="5"/>
      <c r="B332" s="4"/>
      <c r="C332" s="4"/>
      <c r="D332" s="4"/>
      <c r="E332" s="4"/>
      <c r="F332" s="4"/>
      <c r="G332" s="4"/>
      <c r="H332" s="4"/>
      <c r="I332" s="4"/>
    </row>
    <row r="333" spans="1:9" ht="45" customHeight="1" x14ac:dyDescent="0.15">
      <c r="A333" s="5"/>
      <c r="B333" s="4"/>
      <c r="C333" s="4"/>
      <c r="D333" s="4"/>
      <c r="E333" s="4"/>
      <c r="F333" s="4"/>
      <c r="G333" s="4"/>
      <c r="H333" s="4"/>
      <c r="I333" s="4"/>
    </row>
    <row r="334" spans="1:9" ht="45" customHeight="1" x14ac:dyDescent="0.15">
      <c r="A334" s="5"/>
      <c r="B334" s="4"/>
      <c r="C334" s="4"/>
      <c r="D334" s="4"/>
      <c r="E334" s="4"/>
      <c r="F334" s="4"/>
      <c r="G334" s="4"/>
      <c r="H334" s="4"/>
      <c r="I334" s="4"/>
    </row>
    <row r="335" spans="1:9" ht="45" customHeight="1" x14ac:dyDescent="0.15">
      <c r="A335" s="5"/>
      <c r="B335" s="4"/>
      <c r="C335" s="4"/>
      <c r="D335" s="4"/>
      <c r="E335" s="4"/>
      <c r="F335" s="4"/>
      <c r="G335" s="4"/>
      <c r="H335" s="4"/>
      <c r="I335" s="4"/>
    </row>
    <row r="336" spans="1:9" ht="45" customHeight="1" x14ac:dyDescent="0.15">
      <c r="A336" s="5"/>
      <c r="B336" s="4"/>
      <c r="C336" s="4"/>
      <c r="D336" s="4"/>
      <c r="E336" s="4"/>
      <c r="F336" s="4"/>
      <c r="G336" s="4"/>
      <c r="H336" s="4"/>
      <c r="I336" s="4"/>
    </row>
    <row r="337" spans="1:9" ht="45" customHeight="1" x14ac:dyDescent="0.15">
      <c r="A337" s="5"/>
      <c r="B337" s="4"/>
      <c r="C337" s="4"/>
      <c r="D337" s="4"/>
      <c r="E337" s="4"/>
      <c r="F337" s="4"/>
      <c r="G337" s="4"/>
      <c r="H337" s="4"/>
      <c r="I337" s="4"/>
    </row>
    <row r="338" spans="1:9" ht="45" customHeight="1" x14ac:dyDescent="0.15">
      <c r="A338" s="5"/>
      <c r="B338" s="4"/>
      <c r="C338" s="4"/>
      <c r="D338" s="4"/>
      <c r="E338" s="4"/>
      <c r="F338" s="4"/>
      <c r="G338" s="4"/>
      <c r="H338" s="4"/>
      <c r="I338" s="4"/>
    </row>
    <row r="339" spans="1:9" ht="45" customHeight="1" x14ac:dyDescent="0.15">
      <c r="A339" s="5"/>
      <c r="B339" s="4"/>
      <c r="C339" s="4"/>
      <c r="D339" s="4"/>
      <c r="E339" s="4"/>
      <c r="F339" s="4"/>
      <c r="G339" s="4"/>
      <c r="H339" s="4"/>
      <c r="I339" s="4"/>
    </row>
    <row r="340" spans="1:9" ht="45" customHeight="1" x14ac:dyDescent="0.15">
      <c r="A340" s="5"/>
      <c r="B340" s="4"/>
      <c r="C340" s="4"/>
      <c r="D340" s="4"/>
      <c r="E340" s="4"/>
      <c r="F340" s="4"/>
      <c r="G340" s="4"/>
      <c r="H340" s="4"/>
      <c r="I340" s="4"/>
    </row>
    <row r="341" spans="1:9" ht="45" customHeight="1" x14ac:dyDescent="0.15">
      <c r="A341" s="5"/>
      <c r="B341" s="4"/>
      <c r="C341" s="4"/>
      <c r="D341" s="4"/>
      <c r="E341" s="4"/>
      <c r="F341" s="4"/>
      <c r="G341" s="4"/>
      <c r="H341" s="4"/>
      <c r="I341" s="4"/>
    </row>
    <row r="342" spans="1:9" ht="45" customHeight="1" x14ac:dyDescent="0.15">
      <c r="A342" s="5"/>
      <c r="B342" s="4"/>
      <c r="C342" s="4"/>
      <c r="D342" s="4"/>
      <c r="E342" s="4"/>
      <c r="F342" s="4"/>
      <c r="G342" s="4"/>
      <c r="H342" s="4"/>
      <c r="I342" s="4"/>
    </row>
    <row r="343" spans="1:9" ht="45" customHeight="1" x14ac:dyDescent="0.15">
      <c r="A343" s="5"/>
      <c r="B343" s="4"/>
      <c r="C343" s="4"/>
      <c r="D343" s="4"/>
      <c r="E343" s="4"/>
      <c r="F343" s="4"/>
      <c r="G343" s="4"/>
      <c r="H343" s="4"/>
      <c r="I343" s="4"/>
    </row>
    <row r="344" spans="1:9" ht="45" customHeight="1" x14ac:dyDescent="0.15">
      <c r="A344" s="5"/>
      <c r="B344" s="4"/>
      <c r="C344" s="4"/>
      <c r="D344" s="4"/>
      <c r="E344" s="4"/>
      <c r="F344" s="4"/>
      <c r="G344" s="4"/>
      <c r="H344" s="4"/>
      <c r="I344" s="4"/>
    </row>
    <row r="345" spans="1:9" ht="45" customHeight="1" x14ac:dyDescent="0.15">
      <c r="A345" s="5"/>
      <c r="B345" s="4"/>
      <c r="C345" s="4"/>
      <c r="D345" s="4"/>
      <c r="E345" s="4"/>
      <c r="F345" s="4"/>
      <c r="G345" s="4"/>
      <c r="H345" s="4"/>
      <c r="I345" s="4"/>
    </row>
    <row r="346" spans="1:9" ht="45" customHeight="1" x14ac:dyDescent="0.15">
      <c r="A346" s="5"/>
      <c r="B346" s="4"/>
      <c r="C346" s="4"/>
      <c r="D346" s="4"/>
      <c r="E346" s="4"/>
      <c r="F346" s="4"/>
      <c r="G346" s="4"/>
      <c r="H346" s="4"/>
      <c r="I346" s="4"/>
    </row>
    <row r="347" spans="1:9" ht="45" customHeight="1" x14ac:dyDescent="0.15">
      <c r="A347" s="5"/>
      <c r="B347" s="4"/>
      <c r="C347" s="4"/>
      <c r="D347" s="4"/>
      <c r="E347" s="4"/>
      <c r="F347" s="4"/>
      <c r="G347" s="4"/>
      <c r="H347" s="4"/>
      <c r="I347" s="4"/>
    </row>
    <row r="348" spans="1:9" ht="45" customHeight="1" x14ac:dyDescent="0.15">
      <c r="A348" s="5"/>
      <c r="B348" s="4"/>
      <c r="C348" s="4"/>
      <c r="D348" s="4"/>
      <c r="E348" s="4"/>
      <c r="F348" s="4"/>
      <c r="G348" s="4"/>
      <c r="H348" s="4"/>
      <c r="I348" s="4"/>
    </row>
    <row r="349" spans="1:9" ht="45" customHeight="1" x14ac:dyDescent="0.15">
      <c r="A349" s="5"/>
      <c r="B349" s="4"/>
      <c r="C349" s="4"/>
      <c r="D349" s="4"/>
      <c r="E349" s="4"/>
      <c r="F349" s="4"/>
      <c r="G349" s="4"/>
      <c r="H349" s="4"/>
      <c r="I349" s="4"/>
    </row>
    <row r="350" spans="1:9" ht="45" customHeight="1" x14ac:dyDescent="0.15">
      <c r="A350" s="5"/>
      <c r="B350" s="4"/>
      <c r="C350" s="4"/>
      <c r="D350" s="4"/>
      <c r="E350" s="4"/>
      <c r="F350" s="4"/>
      <c r="G350" s="4"/>
      <c r="H350" s="4"/>
      <c r="I350" s="4"/>
    </row>
    <row r="351" spans="1:9" ht="45" customHeight="1" x14ac:dyDescent="0.15">
      <c r="A351" s="5"/>
      <c r="B351" s="4"/>
      <c r="C351" s="4"/>
      <c r="D351" s="4"/>
      <c r="E351" s="4"/>
      <c r="F351" s="4"/>
      <c r="G351" s="4"/>
      <c r="H351" s="4"/>
      <c r="I351" s="4"/>
    </row>
    <row r="352" spans="1:9" ht="45" customHeight="1" x14ac:dyDescent="0.15">
      <c r="A352" s="5"/>
      <c r="B352" s="4"/>
      <c r="C352" s="4"/>
      <c r="D352" s="4"/>
      <c r="E352" s="4"/>
      <c r="F352" s="4"/>
      <c r="G352" s="4"/>
      <c r="H352" s="4"/>
      <c r="I352" s="4"/>
    </row>
    <row r="353" spans="1:9" ht="45" customHeight="1" x14ac:dyDescent="0.15">
      <c r="A353" s="5"/>
      <c r="B353" s="4"/>
      <c r="C353" s="4"/>
      <c r="D353" s="4"/>
      <c r="E353" s="4"/>
      <c r="F353" s="4"/>
      <c r="G353" s="4"/>
      <c r="H353" s="4"/>
      <c r="I353" s="4"/>
    </row>
    <row r="354" spans="1:9" ht="45" customHeight="1" x14ac:dyDescent="0.15">
      <c r="A354" s="5"/>
      <c r="B354" s="4"/>
      <c r="C354" s="4"/>
      <c r="D354" s="4"/>
      <c r="E354" s="4"/>
      <c r="F354" s="4"/>
      <c r="G354" s="4"/>
      <c r="H354" s="4"/>
      <c r="I354" s="4"/>
    </row>
    <row r="355" spans="1:9" ht="45" customHeight="1" x14ac:dyDescent="0.15">
      <c r="A355" s="5"/>
      <c r="B355" s="4"/>
      <c r="C355" s="4"/>
      <c r="D355" s="4"/>
      <c r="E355" s="4"/>
      <c r="F355" s="4"/>
      <c r="G355" s="4"/>
      <c r="H355" s="4"/>
      <c r="I355" s="4"/>
    </row>
    <row r="356" spans="1:9" ht="45" customHeight="1" x14ac:dyDescent="0.15">
      <c r="A356" s="5"/>
      <c r="B356" s="4"/>
      <c r="C356" s="4"/>
      <c r="D356" s="4"/>
      <c r="E356" s="4"/>
      <c r="F356" s="4"/>
      <c r="G356" s="4"/>
      <c r="H356" s="4"/>
      <c r="I356" s="4"/>
    </row>
    <row r="357" spans="1:9" ht="45" customHeight="1" x14ac:dyDescent="0.15">
      <c r="A357" s="5"/>
      <c r="B357" s="4"/>
      <c r="C357" s="4"/>
      <c r="D357" s="4"/>
      <c r="E357" s="4"/>
      <c r="F357" s="4"/>
      <c r="G357" s="4"/>
      <c r="H357" s="4"/>
      <c r="I357" s="4"/>
    </row>
    <row r="358" spans="1:9" ht="45" customHeight="1" x14ac:dyDescent="0.15">
      <c r="A358" s="5"/>
      <c r="B358" s="4"/>
      <c r="C358" s="4"/>
      <c r="D358" s="4"/>
      <c r="E358" s="4"/>
      <c r="F358" s="4"/>
      <c r="G358" s="4"/>
      <c r="H358" s="4"/>
      <c r="I358" s="4"/>
    </row>
    <row r="359" spans="1:9" ht="45" customHeight="1" x14ac:dyDescent="0.15">
      <c r="A359" s="5"/>
      <c r="B359" s="4"/>
      <c r="C359" s="4"/>
      <c r="D359" s="4"/>
      <c r="E359" s="4"/>
      <c r="F359" s="4"/>
      <c r="G359" s="4"/>
      <c r="H359" s="4"/>
      <c r="I359" s="4"/>
    </row>
    <row r="360" spans="1:9" ht="45" customHeight="1" x14ac:dyDescent="0.15">
      <c r="A360" s="5"/>
      <c r="B360" s="4"/>
      <c r="C360" s="4"/>
      <c r="D360" s="4"/>
      <c r="E360" s="4"/>
      <c r="F360" s="4"/>
      <c r="G360" s="4"/>
      <c r="H360" s="4"/>
      <c r="I360" s="4"/>
    </row>
    <row r="361" spans="1:9" ht="45" customHeight="1" x14ac:dyDescent="0.15">
      <c r="A361" s="5"/>
      <c r="B361" s="4"/>
      <c r="C361" s="4"/>
      <c r="D361" s="4"/>
      <c r="E361" s="4"/>
      <c r="F361" s="4"/>
      <c r="G361" s="4"/>
      <c r="H361" s="4"/>
      <c r="I361" s="4"/>
    </row>
    <row r="362" spans="1:9" ht="45" customHeight="1" x14ac:dyDescent="0.15">
      <c r="A362" s="5"/>
      <c r="B362" s="4"/>
      <c r="C362" s="4"/>
      <c r="D362" s="4"/>
      <c r="E362" s="4"/>
      <c r="F362" s="4"/>
      <c r="G362" s="4"/>
      <c r="H362" s="4"/>
      <c r="I362" s="4"/>
    </row>
    <row r="363" spans="1:9" ht="45" customHeight="1" x14ac:dyDescent="0.15">
      <c r="A363" s="5"/>
      <c r="B363" s="4"/>
      <c r="C363" s="4"/>
      <c r="D363" s="4"/>
      <c r="E363" s="4"/>
      <c r="F363" s="4"/>
      <c r="G363" s="4"/>
      <c r="H363" s="4"/>
      <c r="I363" s="4"/>
    </row>
    <row r="364" spans="1:9" ht="45" customHeight="1" x14ac:dyDescent="0.15">
      <c r="A364" s="5"/>
      <c r="B364" s="4"/>
      <c r="C364" s="4"/>
      <c r="D364" s="4"/>
      <c r="E364" s="4"/>
      <c r="F364" s="4"/>
      <c r="G364" s="4"/>
      <c r="H364" s="4"/>
      <c r="I364" s="4"/>
    </row>
    <row r="365" spans="1:9" ht="45" customHeight="1" x14ac:dyDescent="0.15">
      <c r="A365" s="5"/>
      <c r="B365" s="4"/>
      <c r="C365" s="4"/>
      <c r="D365" s="4"/>
      <c r="E365" s="4"/>
      <c r="F365" s="4"/>
      <c r="G365" s="4"/>
      <c r="H365" s="4"/>
      <c r="I365" s="4"/>
    </row>
    <row r="366" spans="1:9" ht="45" customHeight="1" x14ac:dyDescent="0.15">
      <c r="A366" s="5"/>
      <c r="B366" s="4"/>
      <c r="C366" s="4"/>
      <c r="D366" s="4"/>
      <c r="E366" s="4"/>
      <c r="F366" s="4"/>
      <c r="G366" s="4"/>
      <c r="H366" s="4"/>
      <c r="I366" s="4"/>
    </row>
    <row r="367" spans="1:9" ht="45" customHeight="1" x14ac:dyDescent="0.15">
      <c r="A367" s="5"/>
      <c r="B367" s="4"/>
      <c r="C367" s="4"/>
      <c r="D367" s="4"/>
      <c r="E367" s="4"/>
      <c r="F367" s="4"/>
      <c r="G367" s="4"/>
      <c r="H367" s="4"/>
      <c r="I367" s="4"/>
    </row>
    <row r="368" spans="1:9" ht="45" customHeight="1" x14ac:dyDescent="0.15">
      <c r="A368" s="5"/>
      <c r="B368" s="4"/>
      <c r="C368" s="4"/>
      <c r="D368" s="4"/>
      <c r="E368" s="4"/>
      <c r="F368" s="4"/>
      <c r="G368" s="4"/>
      <c r="H368" s="4"/>
      <c r="I368" s="4"/>
    </row>
    <row r="369" spans="1:9" ht="45" customHeight="1" x14ac:dyDescent="0.15">
      <c r="A369" s="5"/>
      <c r="B369" s="4"/>
      <c r="C369" s="4"/>
      <c r="D369" s="4"/>
      <c r="E369" s="4"/>
      <c r="F369" s="4"/>
      <c r="G369" s="4"/>
      <c r="H369" s="4"/>
      <c r="I369" s="4"/>
    </row>
    <row r="370" spans="1:9" ht="45" customHeight="1" x14ac:dyDescent="0.15">
      <c r="A370" s="5"/>
      <c r="B370" s="4"/>
      <c r="C370" s="4"/>
      <c r="D370" s="4"/>
      <c r="E370" s="4"/>
      <c r="F370" s="4"/>
      <c r="G370" s="4"/>
      <c r="H370" s="4"/>
      <c r="I370" s="4"/>
    </row>
    <row r="371" spans="1:9" ht="45" customHeight="1" x14ac:dyDescent="0.15">
      <c r="A371" s="5"/>
      <c r="B371" s="4"/>
      <c r="C371" s="4"/>
      <c r="D371" s="4"/>
      <c r="E371" s="4"/>
      <c r="F371" s="4"/>
      <c r="G371" s="4"/>
      <c r="H371" s="4"/>
      <c r="I371" s="4"/>
    </row>
    <row r="372" spans="1:9" ht="45" customHeight="1" x14ac:dyDescent="0.15">
      <c r="A372" s="5"/>
      <c r="B372" s="4"/>
      <c r="C372" s="4"/>
      <c r="D372" s="4"/>
      <c r="E372" s="4"/>
      <c r="F372" s="4"/>
      <c r="G372" s="4"/>
      <c r="H372" s="4"/>
      <c r="I372" s="4"/>
    </row>
    <row r="373" spans="1:9" ht="45" customHeight="1" x14ac:dyDescent="0.15">
      <c r="A373" s="5"/>
      <c r="B373" s="4"/>
      <c r="C373" s="4"/>
      <c r="D373" s="4"/>
      <c r="E373" s="4"/>
      <c r="F373" s="4"/>
      <c r="G373" s="4"/>
      <c r="H373" s="4"/>
      <c r="I373" s="4"/>
    </row>
    <row r="374" spans="1:9" ht="45" customHeight="1" x14ac:dyDescent="0.15">
      <c r="A374" s="5"/>
      <c r="B374" s="4"/>
      <c r="C374" s="4"/>
      <c r="D374" s="4"/>
      <c r="E374" s="4"/>
      <c r="F374" s="4"/>
      <c r="G374" s="4"/>
      <c r="H374" s="4"/>
      <c r="I374" s="4"/>
    </row>
    <row r="375" spans="1:9" ht="45" customHeight="1" x14ac:dyDescent="0.15">
      <c r="A375" s="5"/>
      <c r="B375" s="4"/>
      <c r="C375" s="4"/>
      <c r="D375" s="4"/>
      <c r="E375" s="4"/>
      <c r="F375" s="4"/>
      <c r="G375" s="4"/>
      <c r="H375" s="4"/>
      <c r="I375" s="4"/>
    </row>
    <row r="376" spans="1:9" ht="45" customHeight="1" x14ac:dyDescent="0.15">
      <c r="A376" s="5"/>
      <c r="B376" s="4"/>
      <c r="C376" s="4"/>
      <c r="D376" s="4"/>
      <c r="E376" s="4"/>
      <c r="F376" s="4"/>
      <c r="G376" s="4"/>
      <c r="H376" s="4"/>
      <c r="I376" s="4"/>
    </row>
    <row r="377" spans="1:9" ht="45" customHeight="1" x14ac:dyDescent="0.15">
      <c r="A377" s="5"/>
      <c r="B377" s="4"/>
      <c r="C377" s="4"/>
      <c r="D377" s="4"/>
      <c r="E377" s="4"/>
      <c r="F377" s="4"/>
      <c r="G377" s="4"/>
      <c r="H377" s="4"/>
      <c r="I377" s="4"/>
    </row>
    <row r="378" spans="1:9" ht="45" customHeight="1" x14ac:dyDescent="0.15">
      <c r="A378" s="5"/>
      <c r="B378" s="4"/>
      <c r="C378" s="4"/>
      <c r="D378" s="4"/>
      <c r="E378" s="4"/>
      <c r="F378" s="4"/>
      <c r="G378" s="4"/>
      <c r="H378" s="4"/>
      <c r="I378" s="4"/>
    </row>
    <row r="379" spans="1:9" ht="45" customHeight="1" x14ac:dyDescent="0.15">
      <c r="A379" s="5"/>
      <c r="B379" s="4"/>
      <c r="C379" s="4"/>
      <c r="D379" s="4"/>
      <c r="E379" s="4"/>
      <c r="F379" s="4"/>
      <c r="G379" s="4"/>
      <c r="H379" s="4"/>
      <c r="I379" s="4"/>
    </row>
    <row r="380" spans="1:9" ht="45" customHeight="1" x14ac:dyDescent="0.15">
      <c r="A380" s="5"/>
      <c r="B380" s="4"/>
      <c r="C380" s="4"/>
      <c r="D380" s="4"/>
      <c r="E380" s="4"/>
      <c r="F380" s="4"/>
      <c r="G380" s="4"/>
      <c r="H380" s="4"/>
      <c r="I380" s="4"/>
    </row>
    <row r="381" spans="1:9" ht="45" customHeight="1" x14ac:dyDescent="0.15">
      <c r="A381" s="5"/>
      <c r="B381" s="4"/>
      <c r="C381" s="4"/>
      <c r="D381" s="4"/>
      <c r="E381" s="4"/>
      <c r="F381" s="4"/>
      <c r="G381" s="4"/>
      <c r="H381" s="4"/>
      <c r="I381" s="4"/>
    </row>
    <row r="382" spans="1:9" ht="45" customHeight="1" x14ac:dyDescent="0.15">
      <c r="A382" s="5"/>
      <c r="B382" s="4"/>
      <c r="C382" s="4"/>
      <c r="D382" s="4"/>
      <c r="E382" s="4"/>
      <c r="F382" s="4"/>
      <c r="G382" s="4"/>
      <c r="H382" s="4"/>
      <c r="I382" s="4"/>
    </row>
    <row r="383" spans="1:9" ht="45" customHeight="1" x14ac:dyDescent="0.15">
      <c r="A383" s="5"/>
      <c r="B383" s="4"/>
      <c r="C383" s="4"/>
      <c r="D383" s="4"/>
      <c r="E383" s="4"/>
      <c r="F383" s="4"/>
      <c r="G383" s="4"/>
      <c r="H383" s="4"/>
      <c r="I383" s="4"/>
    </row>
    <row r="384" spans="1:9" ht="45" customHeight="1" x14ac:dyDescent="0.15">
      <c r="A384" s="5"/>
      <c r="B384" s="4"/>
      <c r="C384" s="4"/>
      <c r="D384" s="4"/>
      <c r="E384" s="4"/>
      <c r="F384" s="4"/>
      <c r="G384" s="4"/>
      <c r="H384" s="4"/>
      <c r="I384" s="4"/>
    </row>
    <row r="385" spans="1:9" ht="45" customHeight="1" x14ac:dyDescent="0.15">
      <c r="A385" s="5"/>
      <c r="B385" s="4"/>
      <c r="C385" s="4"/>
      <c r="D385" s="4"/>
      <c r="E385" s="4"/>
      <c r="F385" s="4"/>
      <c r="G385" s="4"/>
      <c r="H385" s="4"/>
      <c r="I385" s="4"/>
    </row>
    <row r="386" spans="1:9" ht="45" customHeight="1" x14ac:dyDescent="0.15">
      <c r="A386" s="5"/>
      <c r="B386" s="4"/>
      <c r="C386" s="4"/>
      <c r="D386" s="4"/>
      <c r="E386" s="4"/>
      <c r="F386" s="4"/>
      <c r="G386" s="4"/>
      <c r="H386" s="4"/>
      <c r="I386" s="4"/>
    </row>
    <row r="387" spans="1:9" ht="45" customHeight="1" x14ac:dyDescent="0.15">
      <c r="A387" s="5"/>
      <c r="B387" s="4"/>
      <c r="C387" s="4"/>
      <c r="D387" s="4"/>
      <c r="E387" s="4"/>
      <c r="F387" s="4"/>
      <c r="G387" s="4"/>
      <c r="H387" s="4"/>
      <c r="I387" s="4"/>
    </row>
    <row r="388" spans="1:9" ht="45" customHeight="1" x14ac:dyDescent="0.15">
      <c r="A388" s="5"/>
      <c r="B388" s="4"/>
      <c r="C388" s="4"/>
      <c r="D388" s="4"/>
      <c r="E388" s="4"/>
      <c r="F388" s="4"/>
      <c r="G388" s="4"/>
      <c r="H388" s="4"/>
      <c r="I388" s="4"/>
    </row>
    <row r="389" spans="1:9" ht="45" customHeight="1" x14ac:dyDescent="0.15">
      <c r="A389" s="5"/>
      <c r="B389" s="4"/>
      <c r="C389" s="4"/>
      <c r="D389" s="4"/>
      <c r="E389" s="4"/>
      <c r="F389" s="4"/>
      <c r="G389" s="4"/>
      <c r="H389" s="4"/>
      <c r="I389" s="4"/>
    </row>
    <row r="390" spans="1:9" ht="45" customHeight="1" x14ac:dyDescent="0.15">
      <c r="A390" s="5"/>
      <c r="B390" s="4"/>
      <c r="C390" s="4"/>
      <c r="D390" s="4"/>
      <c r="E390" s="4"/>
      <c r="F390" s="4"/>
      <c r="G390" s="4"/>
      <c r="H390" s="4"/>
      <c r="I390" s="4"/>
    </row>
    <row r="391" spans="1:9" ht="45" customHeight="1" x14ac:dyDescent="0.15">
      <c r="A391" s="5"/>
      <c r="B391" s="4"/>
      <c r="C391" s="4"/>
      <c r="D391" s="4"/>
      <c r="E391" s="4"/>
      <c r="F391" s="4"/>
      <c r="G391" s="4"/>
      <c r="H391" s="4"/>
      <c r="I391" s="4"/>
    </row>
    <row r="392" spans="1:9" ht="45" customHeight="1" x14ac:dyDescent="0.15">
      <c r="A392" s="5"/>
      <c r="B392" s="4"/>
      <c r="C392" s="4"/>
      <c r="D392" s="4"/>
      <c r="E392" s="4"/>
      <c r="F392" s="4"/>
      <c r="G392" s="4"/>
      <c r="H392" s="4"/>
      <c r="I392" s="4"/>
    </row>
    <row r="393" spans="1:9" ht="45" customHeight="1" x14ac:dyDescent="0.15">
      <c r="A393" s="5"/>
      <c r="B393" s="4"/>
      <c r="C393" s="4"/>
      <c r="D393" s="4"/>
      <c r="E393" s="4"/>
      <c r="F393" s="4"/>
      <c r="G393" s="4"/>
      <c r="H393" s="4"/>
      <c r="I393" s="4"/>
    </row>
    <row r="394" spans="1:9" ht="45" customHeight="1" x14ac:dyDescent="0.15">
      <c r="A394" s="5"/>
      <c r="B394" s="4"/>
      <c r="C394" s="4"/>
      <c r="D394" s="4"/>
      <c r="E394" s="4"/>
      <c r="F394" s="4"/>
      <c r="G394" s="4"/>
      <c r="H394" s="4"/>
      <c r="I394" s="4"/>
    </row>
    <row r="395" spans="1:9" ht="45" customHeight="1" x14ac:dyDescent="0.15">
      <c r="A395" s="5"/>
      <c r="B395" s="4"/>
      <c r="C395" s="4"/>
      <c r="D395" s="4"/>
      <c r="E395" s="4"/>
      <c r="F395" s="4"/>
      <c r="G395" s="4"/>
      <c r="H395" s="4"/>
      <c r="I395" s="4"/>
    </row>
    <row r="396" spans="1:9" ht="45" customHeight="1" x14ac:dyDescent="0.15">
      <c r="A396" s="5"/>
      <c r="B396" s="4"/>
      <c r="C396" s="4"/>
      <c r="D396" s="4"/>
      <c r="E396" s="4"/>
      <c r="F396" s="4"/>
      <c r="G396" s="4"/>
      <c r="H396" s="4"/>
      <c r="I396" s="4"/>
    </row>
    <row r="397" spans="1:9" ht="45" customHeight="1" x14ac:dyDescent="0.15">
      <c r="A397" s="5"/>
      <c r="B397" s="4"/>
      <c r="C397" s="4"/>
      <c r="D397" s="4"/>
      <c r="E397" s="4"/>
      <c r="F397" s="4"/>
      <c r="G397" s="4"/>
      <c r="H397" s="4"/>
      <c r="I397" s="4"/>
    </row>
    <row r="398" spans="1:9" ht="45" customHeight="1" x14ac:dyDescent="0.15">
      <c r="A398" s="5"/>
      <c r="B398" s="4"/>
      <c r="C398" s="4"/>
      <c r="D398" s="4"/>
      <c r="E398" s="4"/>
      <c r="F398" s="4"/>
      <c r="G398" s="4"/>
      <c r="H398" s="4"/>
      <c r="I398" s="4"/>
    </row>
    <row r="399" spans="1:9" ht="45" customHeight="1" x14ac:dyDescent="0.15">
      <c r="A399" s="5"/>
      <c r="B399" s="4"/>
      <c r="C399" s="4"/>
      <c r="D399" s="4"/>
      <c r="E399" s="4"/>
      <c r="F399" s="4"/>
      <c r="G399" s="4"/>
      <c r="H399" s="4"/>
      <c r="I399" s="4"/>
    </row>
    <row r="400" spans="1:9" ht="45" customHeight="1" x14ac:dyDescent="0.15">
      <c r="A400" s="5"/>
      <c r="B400" s="4"/>
      <c r="C400" s="4"/>
      <c r="D400" s="4"/>
      <c r="E400" s="4"/>
      <c r="F400" s="4"/>
      <c r="G400" s="4"/>
      <c r="H400" s="4"/>
      <c r="I400" s="4"/>
    </row>
    <row r="401" spans="1:9" ht="45" customHeight="1" x14ac:dyDescent="0.15">
      <c r="A401" s="5"/>
      <c r="B401" s="4"/>
      <c r="C401" s="4"/>
      <c r="D401" s="4"/>
      <c r="E401" s="4"/>
      <c r="F401" s="4"/>
      <c r="G401" s="4"/>
      <c r="H401" s="4"/>
      <c r="I401" s="4"/>
    </row>
    <row r="402" spans="1:9" ht="45" customHeight="1" x14ac:dyDescent="0.15">
      <c r="A402" s="5"/>
      <c r="B402" s="4"/>
      <c r="C402" s="4"/>
      <c r="D402" s="4"/>
      <c r="E402" s="4"/>
      <c r="F402" s="4"/>
      <c r="G402" s="4"/>
      <c r="H402" s="4"/>
      <c r="I402" s="4"/>
    </row>
    <row r="403" spans="1:9" ht="45" customHeight="1" x14ac:dyDescent="0.15">
      <c r="A403" s="5"/>
      <c r="B403" s="4"/>
      <c r="C403" s="4"/>
      <c r="D403" s="4"/>
      <c r="E403" s="4"/>
      <c r="F403" s="4"/>
      <c r="G403" s="4"/>
      <c r="H403" s="4"/>
      <c r="I403" s="4"/>
    </row>
    <row r="404" spans="1:9" ht="45" customHeight="1" x14ac:dyDescent="0.15">
      <c r="A404" s="5"/>
      <c r="B404" s="4"/>
      <c r="C404" s="4"/>
      <c r="D404" s="4"/>
      <c r="E404" s="4"/>
      <c r="F404" s="4"/>
      <c r="G404" s="4"/>
      <c r="H404" s="4"/>
      <c r="I404" s="4"/>
    </row>
    <row r="405" spans="1:9" ht="45" customHeight="1" x14ac:dyDescent="0.15">
      <c r="A405" s="5"/>
      <c r="B405" s="4"/>
      <c r="C405" s="4"/>
      <c r="D405" s="4"/>
      <c r="E405" s="4"/>
      <c r="F405" s="4"/>
      <c r="G405" s="4"/>
      <c r="H405" s="4"/>
      <c r="I405" s="4"/>
    </row>
    <row r="406" spans="1:9" ht="45" customHeight="1" x14ac:dyDescent="0.15">
      <c r="A406" s="5"/>
      <c r="B406" s="4"/>
      <c r="C406" s="4"/>
      <c r="D406" s="4"/>
      <c r="E406" s="4"/>
      <c r="F406" s="4"/>
      <c r="G406" s="4"/>
      <c r="H406" s="4"/>
      <c r="I406" s="4"/>
    </row>
    <row r="407" spans="1:9" ht="45" customHeight="1" x14ac:dyDescent="0.15">
      <c r="A407" s="5"/>
      <c r="B407" s="4"/>
      <c r="C407" s="4"/>
      <c r="D407" s="4"/>
      <c r="E407" s="4"/>
      <c r="F407" s="4"/>
      <c r="G407" s="4"/>
      <c r="H407" s="4"/>
      <c r="I407" s="4"/>
    </row>
    <row r="408" spans="1:9" ht="45" customHeight="1" x14ac:dyDescent="0.15">
      <c r="A408" s="5"/>
      <c r="B408" s="4"/>
      <c r="C408" s="4"/>
      <c r="D408" s="4"/>
      <c r="E408" s="4"/>
      <c r="F408" s="4"/>
      <c r="G408" s="4"/>
      <c r="H408" s="4"/>
      <c r="I408" s="4"/>
    </row>
    <row r="409" spans="1:9" ht="45" customHeight="1" x14ac:dyDescent="0.15">
      <c r="A409" s="5"/>
      <c r="B409" s="4"/>
      <c r="C409" s="4"/>
      <c r="D409" s="4"/>
      <c r="E409" s="4"/>
      <c r="F409" s="4"/>
      <c r="G409" s="4"/>
      <c r="H409" s="4"/>
      <c r="I409" s="4"/>
    </row>
    <row r="410" spans="1:9" ht="45" customHeight="1" x14ac:dyDescent="0.15">
      <c r="A410" s="5"/>
      <c r="B410" s="4"/>
      <c r="C410" s="4"/>
      <c r="D410" s="4"/>
      <c r="E410" s="4"/>
      <c r="F410" s="4"/>
      <c r="G410" s="4"/>
      <c r="H410" s="4"/>
      <c r="I410" s="4"/>
    </row>
    <row r="411" spans="1:9" ht="45" customHeight="1" x14ac:dyDescent="0.15">
      <c r="A411" s="5"/>
      <c r="B411" s="4"/>
      <c r="C411" s="4"/>
      <c r="D411" s="4"/>
      <c r="E411" s="4"/>
      <c r="F411" s="4"/>
      <c r="G411" s="4"/>
      <c r="H411" s="4"/>
      <c r="I411" s="4"/>
    </row>
    <row r="412" spans="1:9" ht="45" customHeight="1" x14ac:dyDescent="0.15">
      <c r="A412" s="5"/>
      <c r="B412" s="4"/>
      <c r="C412" s="4"/>
      <c r="D412" s="4"/>
      <c r="E412" s="4"/>
      <c r="F412" s="4"/>
      <c r="G412" s="4"/>
      <c r="H412" s="4"/>
      <c r="I412" s="4"/>
    </row>
    <row r="413" spans="1:9" ht="45" customHeight="1" x14ac:dyDescent="0.15">
      <c r="A413" s="5"/>
      <c r="B413" s="4"/>
      <c r="C413" s="4"/>
      <c r="D413" s="4"/>
      <c r="E413" s="4"/>
      <c r="F413" s="4"/>
      <c r="G413" s="4"/>
      <c r="H413" s="4"/>
      <c r="I413" s="4"/>
    </row>
    <row r="414" spans="1:9" ht="45" customHeight="1" x14ac:dyDescent="0.15">
      <c r="A414" s="5"/>
      <c r="B414" s="4"/>
      <c r="C414" s="4"/>
      <c r="D414" s="4"/>
      <c r="E414" s="4"/>
      <c r="F414" s="4"/>
      <c r="G414" s="4"/>
      <c r="H414" s="4"/>
      <c r="I414" s="4"/>
    </row>
    <row r="415" spans="1:9" ht="45" customHeight="1" x14ac:dyDescent="0.15">
      <c r="A415" s="5"/>
      <c r="B415" s="4"/>
      <c r="C415" s="4"/>
      <c r="D415" s="4"/>
      <c r="E415" s="4"/>
      <c r="F415" s="4"/>
      <c r="G415" s="4"/>
      <c r="H415" s="4"/>
      <c r="I415" s="4"/>
    </row>
    <row r="416" spans="1:9" ht="45" customHeight="1" x14ac:dyDescent="0.15">
      <c r="A416" s="5"/>
      <c r="B416" s="4"/>
      <c r="C416" s="4"/>
      <c r="D416" s="4"/>
      <c r="E416" s="4"/>
      <c r="F416" s="4"/>
      <c r="G416" s="4"/>
      <c r="H416" s="4"/>
      <c r="I416" s="4"/>
    </row>
    <row r="417" spans="1:9" ht="45" customHeight="1" x14ac:dyDescent="0.15">
      <c r="A417" s="5"/>
      <c r="B417" s="4"/>
      <c r="C417" s="4"/>
      <c r="D417" s="4"/>
      <c r="E417" s="4"/>
      <c r="F417" s="4"/>
      <c r="G417" s="4"/>
      <c r="H417" s="4"/>
      <c r="I417" s="4"/>
    </row>
    <row r="418" spans="1:9" ht="45" customHeight="1" x14ac:dyDescent="0.15">
      <c r="A418" s="5"/>
      <c r="B418" s="4"/>
      <c r="C418" s="4"/>
      <c r="D418" s="4"/>
      <c r="E418" s="4"/>
      <c r="F418" s="4"/>
      <c r="G418" s="4"/>
      <c r="H418" s="4"/>
      <c r="I418" s="4"/>
    </row>
    <row r="419" spans="1:9" ht="45" customHeight="1" x14ac:dyDescent="0.15">
      <c r="A419" s="5"/>
      <c r="B419" s="4"/>
      <c r="C419" s="4"/>
      <c r="D419" s="4"/>
      <c r="E419" s="4"/>
      <c r="F419" s="4"/>
      <c r="G419" s="4"/>
      <c r="H419" s="4"/>
      <c r="I419" s="4"/>
    </row>
    <row r="420" spans="1:9" ht="45" customHeight="1" x14ac:dyDescent="0.15">
      <c r="A420" s="5"/>
      <c r="B420" s="4"/>
      <c r="C420" s="4"/>
      <c r="D420" s="4"/>
      <c r="E420" s="4"/>
      <c r="F420" s="4"/>
      <c r="G420" s="4"/>
      <c r="H420" s="4"/>
      <c r="I420" s="4"/>
    </row>
    <row r="421" spans="1:9" ht="45" customHeight="1" x14ac:dyDescent="0.15">
      <c r="A421" s="5"/>
      <c r="B421" s="4"/>
      <c r="C421" s="4"/>
      <c r="D421" s="4"/>
      <c r="E421" s="4"/>
      <c r="F421" s="4"/>
      <c r="G421" s="4"/>
      <c r="H421" s="4"/>
      <c r="I421" s="4"/>
    </row>
    <row r="422" spans="1:9" ht="45" customHeight="1" x14ac:dyDescent="0.15">
      <c r="A422" s="5"/>
      <c r="B422" s="4"/>
      <c r="C422" s="4"/>
      <c r="D422" s="4"/>
      <c r="E422" s="4"/>
      <c r="F422" s="4"/>
      <c r="G422" s="4"/>
      <c r="H422" s="4"/>
      <c r="I422" s="4"/>
    </row>
    <row r="423" spans="1:9" ht="45" customHeight="1" x14ac:dyDescent="0.15">
      <c r="A423" s="5"/>
      <c r="B423" s="4"/>
      <c r="C423" s="4"/>
      <c r="D423" s="4"/>
      <c r="E423" s="4"/>
      <c r="F423" s="4"/>
      <c r="G423" s="4"/>
      <c r="H423" s="4"/>
      <c r="I423" s="4"/>
    </row>
    <row r="424" spans="1:9" ht="45" customHeight="1" x14ac:dyDescent="0.15">
      <c r="A424" s="5"/>
      <c r="B424" s="4"/>
      <c r="C424" s="4"/>
      <c r="D424" s="4"/>
      <c r="E424" s="4"/>
      <c r="F424" s="4"/>
      <c r="G424" s="4"/>
      <c r="H424" s="4"/>
      <c r="I424" s="4"/>
    </row>
    <row r="425" spans="1:9" ht="45" customHeight="1" x14ac:dyDescent="0.15">
      <c r="A425" s="5"/>
      <c r="B425" s="4"/>
      <c r="C425" s="4"/>
      <c r="D425" s="4"/>
      <c r="E425" s="4"/>
      <c r="F425" s="4"/>
      <c r="G425" s="4"/>
      <c r="H425" s="4"/>
      <c r="I425" s="4"/>
    </row>
    <row r="426" spans="1:9" ht="45" customHeight="1" x14ac:dyDescent="0.15">
      <c r="A426" s="5"/>
      <c r="B426" s="4"/>
      <c r="C426" s="4"/>
      <c r="D426" s="4"/>
      <c r="E426" s="4"/>
      <c r="F426" s="4"/>
      <c r="G426" s="4"/>
      <c r="H426" s="4"/>
      <c r="I426" s="4"/>
    </row>
    <row r="427" spans="1:9" ht="45" customHeight="1" x14ac:dyDescent="0.15">
      <c r="A427" s="5"/>
      <c r="B427" s="4"/>
      <c r="C427" s="4"/>
      <c r="D427" s="4"/>
      <c r="E427" s="4"/>
      <c r="F427" s="4"/>
      <c r="G427" s="4"/>
      <c r="H427" s="4"/>
      <c r="I427" s="4"/>
    </row>
    <row r="428" spans="1:9" ht="45" customHeight="1" x14ac:dyDescent="0.15">
      <c r="A428" s="5"/>
      <c r="B428" s="4"/>
      <c r="C428" s="4"/>
      <c r="D428" s="4"/>
      <c r="E428" s="4"/>
      <c r="F428" s="4"/>
      <c r="G428" s="4"/>
      <c r="H428" s="4"/>
      <c r="I428" s="4"/>
    </row>
    <row r="429" spans="1:9" ht="45" customHeight="1" x14ac:dyDescent="0.15">
      <c r="A429" s="5"/>
      <c r="B429" s="4"/>
      <c r="C429" s="4"/>
      <c r="D429" s="4"/>
      <c r="E429" s="4"/>
      <c r="F429" s="4"/>
      <c r="G429" s="4"/>
      <c r="H429" s="4"/>
      <c r="I429" s="4"/>
    </row>
    <row r="430" spans="1:9" ht="45" customHeight="1" x14ac:dyDescent="0.15">
      <c r="A430" s="5"/>
      <c r="B430" s="4"/>
      <c r="C430" s="4"/>
      <c r="D430" s="4"/>
      <c r="E430" s="4"/>
      <c r="F430" s="4"/>
      <c r="G430" s="4"/>
      <c r="H430" s="4"/>
      <c r="I430" s="4"/>
    </row>
    <row r="431" spans="1:9" ht="45" customHeight="1" x14ac:dyDescent="0.15">
      <c r="A431" s="5"/>
      <c r="B431" s="4"/>
      <c r="C431" s="4"/>
      <c r="D431" s="4"/>
      <c r="E431" s="4"/>
      <c r="F431" s="4"/>
      <c r="G431" s="4"/>
      <c r="H431" s="4"/>
      <c r="I431" s="4"/>
    </row>
    <row r="432" spans="1:9" ht="45" customHeight="1" x14ac:dyDescent="0.15">
      <c r="A432" s="5"/>
      <c r="B432" s="4"/>
      <c r="C432" s="4"/>
      <c r="D432" s="4"/>
      <c r="E432" s="4"/>
      <c r="F432" s="4"/>
      <c r="G432" s="4"/>
      <c r="H432" s="4"/>
      <c r="I432" s="4"/>
    </row>
    <row r="433" spans="1:9" ht="45" customHeight="1" x14ac:dyDescent="0.15">
      <c r="A433" s="5"/>
      <c r="B433" s="4"/>
      <c r="C433" s="4"/>
      <c r="D433" s="4"/>
      <c r="E433" s="4"/>
      <c r="F433" s="4"/>
      <c r="G433" s="4"/>
      <c r="H433" s="4"/>
      <c r="I433" s="4"/>
    </row>
    <row r="434" spans="1:9" ht="45" customHeight="1" x14ac:dyDescent="0.15"/>
  </sheetData>
  <autoFilter ref="A2:I286"/>
  <sortState ref="A3:I321">
    <sortCondition ref="B3:B321"/>
  </sortState>
  <mergeCells count="2">
    <mergeCell ref="A1:G1"/>
    <mergeCell ref="H1:I1"/>
  </mergeCells>
  <phoneticPr fontId="2"/>
  <pageMargins left="3.937007874015748E-2" right="3.937007874015748E-2" top="0.35433070866141736" bottom="0.15748031496062992" header="0.31496062992125984" footer="0.31496062992125984"/>
  <pageSetup paperSize="9" orientation="landscape"/>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炭谷　さわこ</dc:creator>
  <cp:lastModifiedBy>炭谷　さわこ</cp:lastModifiedBy>
  <dcterms:created xsi:type="dcterms:W3CDTF">2021-10-11T05:10:36Z</dcterms:created>
  <dcterms:modified xsi:type="dcterms:W3CDTF">2021-10-11T05:10:37Z</dcterms:modified>
</cp:coreProperties>
</file>